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4 助成（共通）\11 現況調査\Ｒ８現況調査\01_依頼\02_小中高\09_R8生徒数様式\"/>
    </mc:Choice>
  </mc:AlternateContent>
  <xr:revisionPtr revIDLastSave="0" documentId="13_ncr:1_{F9F6FDCF-CE50-40BC-88F1-C74D74857C00}" xr6:coauthVersionLast="47" xr6:coauthVersionMax="47" xr10:uidLastSave="{00000000-0000-0000-0000-000000000000}"/>
  <bookViews>
    <workbookView xWindow="-108" yWindow="-108" windowWidth="23256" windowHeight="12456" activeTab="2" xr2:uid="{76D0138C-4AD0-429A-987E-550A4B45B495}"/>
  </bookViews>
  <sheets>
    <sheet name="報告書表紙" sheetId="2" r:id="rId1"/>
    <sheet name="在籍生徒数" sheetId="1" r:id="rId2"/>
    <sheet name="学費負担者居住地" sheetId="4" r:id="rId3"/>
    <sheet name="生徒の入学状況" sheetId="5" r:id="rId4"/>
  </sheets>
  <definedNames>
    <definedName name="_xlnm.Print_Area" localSheetId="2">学費負担者居住地!$B$1:$O$96</definedName>
    <definedName name="_xlnm.Print_Area" localSheetId="1">在籍生徒数!$B$1:$M$35</definedName>
    <definedName name="_xlnm.Print_Area" localSheetId="3">生徒の入学状況!$B$1:$I$7</definedName>
    <definedName name="_xlnm.Print_Area" localSheetId="0">報告書表紙!$A$1:$AN$2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79" i="4" l="1"/>
  <c r="K16" i="4"/>
  <c r="L16" i="4"/>
  <c r="N16" i="4"/>
  <c r="O16" i="4"/>
  <c r="O25" i="4"/>
  <c r="O23" i="4"/>
  <c r="O22" i="4"/>
  <c r="O21" i="4"/>
  <c r="O20" i="4"/>
  <c r="O19" i="4"/>
  <c r="O18" i="4"/>
  <c r="O17" i="4"/>
  <c r="M16" i="4"/>
  <c r="G25" i="4"/>
  <c r="G24" i="4"/>
  <c r="G23" i="4"/>
  <c r="G22" i="4"/>
  <c r="G21" i="4"/>
  <c r="G20" i="4"/>
  <c r="G19" i="4"/>
  <c r="G18" i="4"/>
  <c r="G17" i="4"/>
  <c r="E16" i="4"/>
  <c r="D16" i="4"/>
  <c r="C16" i="4"/>
  <c r="C5" i="4" s="1"/>
  <c r="F16" i="4"/>
  <c r="B35" i="1"/>
  <c r="C26" i="1"/>
  <c r="C25" i="1"/>
  <c r="C24" i="1"/>
  <c r="C23" i="1"/>
  <c r="C22" i="1"/>
  <c r="C21" i="1"/>
  <c r="C20" i="1"/>
  <c r="C19" i="1"/>
  <c r="C18" i="1"/>
  <c r="C17" i="1"/>
  <c r="C6" i="4"/>
  <c r="K5" i="1"/>
  <c r="J5" i="1"/>
  <c r="I5" i="1"/>
  <c r="C5" i="1"/>
  <c r="B90" i="4"/>
  <c r="B91" i="4"/>
  <c r="B92" i="4"/>
  <c r="B93" i="4"/>
  <c r="B94" i="4"/>
  <c r="B95" i="4"/>
  <c r="B89" i="4"/>
  <c r="B88" i="4"/>
  <c r="B76" i="4"/>
  <c r="B77" i="4"/>
  <c r="B78" i="4"/>
  <c r="B79" i="4"/>
  <c r="B80" i="4"/>
  <c r="B81" i="4"/>
  <c r="B75" i="4"/>
  <c r="B74" i="4"/>
  <c r="B62" i="4"/>
  <c r="B63" i="4"/>
  <c r="B64" i="4"/>
  <c r="B65" i="4"/>
  <c r="B66" i="4"/>
  <c r="B67" i="4"/>
  <c r="B61" i="4"/>
  <c r="B60" i="4"/>
  <c r="G60" i="4"/>
  <c r="G95" i="4"/>
  <c r="G94" i="4"/>
  <c r="G93" i="4"/>
  <c r="G92" i="4"/>
  <c r="G91" i="4"/>
  <c r="G90" i="4"/>
  <c r="G89" i="4"/>
  <c r="G88" i="4"/>
  <c r="G87" i="4"/>
  <c r="F86" i="4"/>
  <c r="E86" i="4"/>
  <c r="D86" i="4"/>
  <c r="C86" i="4"/>
  <c r="G81" i="4"/>
  <c r="G80" i="4"/>
  <c r="G78" i="4"/>
  <c r="G77" i="4"/>
  <c r="G76" i="4"/>
  <c r="G75" i="4"/>
  <c r="G74" i="4"/>
  <c r="G73" i="4"/>
  <c r="F72" i="4"/>
  <c r="E72" i="4"/>
  <c r="D72" i="4"/>
  <c r="C72" i="4"/>
  <c r="G67" i="4"/>
  <c r="G66" i="4"/>
  <c r="G65" i="4"/>
  <c r="G64" i="4"/>
  <c r="G63" i="4"/>
  <c r="G62" i="4"/>
  <c r="G61" i="4"/>
  <c r="G59" i="4"/>
  <c r="F58" i="4"/>
  <c r="E58" i="4"/>
  <c r="D58" i="4"/>
  <c r="C58" i="4"/>
  <c r="H5" i="1"/>
  <c r="G16" i="4" l="1"/>
  <c r="G86" i="4"/>
  <c r="G72" i="4"/>
  <c r="G58" i="4"/>
  <c r="BH3" i="2" l="1"/>
  <c r="BH1" i="2"/>
  <c r="BH4" i="2"/>
  <c r="AR28" i="2"/>
  <c r="G5" i="1" l="1"/>
  <c r="F5" i="1"/>
  <c r="E5" i="1"/>
  <c r="D5" i="1"/>
  <c r="L5" i="1" s="1"/>
  <c r="G6" i="5"/>
  <c r="D6" i="5"/>
  <c r="F6" i="5"/>
  <c r="E6" i="5"/>
  <c r="O47" i="4"/>
  <c r="O48" i="4"/>
  <c r="O49" i="4"/>
  <c r="O50" i="4"/>
  <c r="O51" i="4"/>
  <c r="O52" i="4"/>
  <c r="O53" i="4"/>
  <c r="O46" i="4"/>
  <c r="O45" i="4"/>
  <c r="N44" i="4"/>
  <c r="M44" i="4"/>
  <c r="L44" i="4"/>
  <c r="K44" i="4"/>
  <c r="O33" i="4"/>
  <c r="O34" i="4"/>
  <c r="O35" i="4"/>
  <c r="O36" i="4"/>
  <c r="O37" i="4"/>
  <c r="O38" i="4"/>
  <c r="O39" i="4"/>
  <c r="O32" i="4"/>
  <c r="O31" i="4"/>
  <c r="N30" i="4"/>
  <c r="M30" i="4"/>
  <c r="L30" i="4"/>
  <c r="K30" i="4"/>
  <c r="O24" i="4"/>
  <c r="J47" i="4"/>
  <c r="J48" i="4"/>
  <c r="J49" i="4"/>
  <c r="J50" i="4"/>
  <c r="J51" i="4"/>
  <c r="J52" i="4"/>
  <c r="J53" i="4"/>
  <c r="J46" i="4"/>
  <c r="J33" i="4"/>
  <c r="J34" i="4"/>
  <c r="J35" i="4"/>
  <c r="J36" i="4"/>
  <c r="J37" i="4"/>
  <c r="J38" i="4"/>
  <c r="J39" i="4"/>
  <c r="J32" i="4"/>
  <c r="J19" i="4"/>
  <c r="J20" i="4"/>
  <c r="J21" i="4"/>
  <c r="J22" i="4"/>
  <c r="J23" i="4"/>
  <c r="J24" i="4"/>
  <c r="J25" i="4"/>
  <c r="J18" i="4"/>
  <c r="G53" i="4"/>
  <c r="G52" i="4"/>
  <c r="G51" i="4"/>
  <c r="G50" i="4"/>
  <c r="G49" i="4"/>
  <c r="G48" i="4"/>
  <c r="G47" i="4"/>
  <c r="G46" i="4"/>
  <c r="G45" i="4"/>
  <c r="C44" i="4"/>
  <c r="G39" i="4"/>
  <c r="G38" i="4"/>
  <c r="G37" i="4"/>
  <c r="G36" i="4"/>
  <c r="G35" i="4"/>
  <c r="G34" i="4"/>
  <c r="G33" i="4"/>
  <c r="G32" i="4"/>
  <c r="G31" i="4"/>
  <c r="F30" i="4"/>
  <c r="E30" i="4"/>
  <c r="D30" i="4"/>
  <c r="C30" i="4"/>
  <c r="O44" i="4" l="1"/>
  <c r="O30" i="4"/>
  <c r="G44" i="4"/>
  <c r="G30" i="4"/>
  <c r="L1" i="1" l="1"/>
  <c r="B48" i="4" l="1"/>
  <c r="B49" i="4"/>
  <c r="B50" i="4"/>
  <c r="B51" i="4"/>
  <c r="B34" i="4"/>
  <c r="B35" i="4"/>
  <c r="B36" i="4"/>
  <c r="B37" i="4"/>
  <c r="B21" i="4"/>
  <c r="B22" i="4"/>
  <c r="B23" i="4"/>
  <c r="I1" i="5"/>
  <c r="O1" i="4"/>
  <c r="F10" i="4"/>
  <c r="E10" i="4"/>
  <c r="D10" i="4"/>
  <c r="C10" i="4"/>
  <c r="D5" i="4"/>
  <c r="E5" i="4"/>
  <c r="F5" i="4"/>
  <c r="F44" i="4"/>
  <c r="F7" i="4" s="1"/>
  <c r="E44" i="4"/>
  <c r="E7" i="4" s="1"/>
  <c r="D44" i="4"/>
  <c r="D7" i="4" s="1"/>
  <c r="C7" i="4"/>
  <c r="F6" i="4"/>
  <c r="E6" i="4"/>
  <c r="D6" i="4"/>
  <c r="F9" i="4"/>
  <c r="E9" i="4"/>
  <c r="D9" i="4"/>
  <c r="C9" i="4"/>
  <c r="F8" i="4"/>
  <c r="E8" i="4"/>
  <c r="D8" i="4"/>
  <c r="C8" i="4"/>
  <c r="J120" i="4"/>
  <c r="B53" i="4"/>
  <c r="B52" i="4"/>
  <c r="B47" i="4"/>
  <c r="B46" i="4"/>
  <c r="B39" i="4"/>
  <c r="B38" i="4"/>
  <c r="B33" i="4"/>
  <c r="B32" i="4"/>
  <c r="B19" i="4"/>
  <c r="B20" i="4"/>
  <c r="B24" i="4"/>
  <c r="B25" i="4"/>
  <c r="B18" i="4"/>
  <c r="F11" i="4" l="1"/>
  <c r="E11" i="4"/>
  <c r="D11" i="4"/>
  <c r="C11" i="4"/>
  <c r="G8" i="4"/>
  <c r="G9" i="4"/>
  <c r="G10" i="4"/>
  <c r="G5" i="4"/>
  <c r="G6" i="4" l="1"/>
  <c r="G7" i="4"/>
  <c r="G11" i="4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B7" authorId="0" shapeId="0" xr:uid="{FDF5F4AE-40F4-4098-9186-804E1E73752C}">
      <text>
        <r>
          <rPr>
            <b/>
            <sz val="9"/>
            <color indexed="81"/>
            <rFont val="ＭＳ Ｐゴシック"/>
            <family val="3"/>
            <charset val="128"/>
          </rPr>
          <t>Ａ、Ｂ、Ｃ ･･･
さくら、きく、もも ･･･
等、アラビア数字以外のクラス名を用いている学校においては、
実際に使用している名称に書き換えてください。</t>
        </r>
      </text>
    </comment>
  </commentList>
</comments>
</file>

<file path=xl/sharedStrings.xml><?xml version="1.0" encoding="utf-8"?>
<sst xmlns="http://schemas.openxmlformats.org/spreadsheetml/2006/main" count="191" uniqueCount="86">
  <si>
    <t>学年</t>
    <rPh sb="0" eb="2">
      <t>ガクネン</t>
    </rPh>
    <phoneticPr fontId="1"/>
  </si>
  <si>
    <t>小計</t>
    <rPh sb="0" eb="2">
      <t>ショウケイ</t>
    </rPh>
    <phoneticPr fontId="1"/>
  </si>
  <si>
    <t>計</t>
    <rPh sb="0" eb="1">
      <t>ケイ</t>
    </rPh>
    <phoneticPr fontId="1"/>
  </si>
  <si>
    <t>合計</t>
    <rPh sb="0" eb="2">
      <t>ゴウケイ</t>
    </rPh>
    <phoneticPr fontId="1"/>
  </si>
  <si>
    <t>学校名</t>
    <rPh sb="0" eb="2">
      <t>ガッコウ</t>
    </rPh>
    <rPh sb="2" eb="3">
      <t>メイ</t>
    </rPh>
    <phoneticPr fontId="1"/>
  </si>
  <si>
    <t>学校法人名</t>
    <rPh sb="0" eb="2">
      <t>ガッコウ</t>
    </rPh>
    <rPh sb="2" eb="4">
      <t>ホウジン</t>
    </rPh>
    <rPh sb="4" eb="5">
      <t>メイ</t>
    </rPh>
    <phoneticPr fontId="1"/>
  </si>
  <si>
    <t>ｸﾗｽ外</t>
    <rPh sb="3" eb="4">
      <t>ガイ</t>
    </rPh>
    <phoneticPr fontId="1"/>
  </si>
  <si>
    <t>学級数</t>
    <rPh sb="0" eb="2">
      <t>ガッキュウ</t>
    </rPh>
    <rPh sb="2" eb="3">
      <t>スウ</t>
    </rPh>
    <phoneticPr fontId="1"/>
  </si>
  <si>
    <t>ｸﾗｽ外</t>
    <rPh sb="3" eb="4">
      <t>ガイ</t>
    </rPh>
    <phoneticPr fontId="3"/>
  </si>
  <si>
    <t>その他
道府県</t>
    <rPh sb="2" eb="3">
      <t>タ</t>
    </rPh>
    <rPh sb="4" eb="7">
      <t>ドウフケン</t>
    </rPh>
    <phoneticPr fontId="3"/>
  </si>
  <si>
    <t>外　国</t>
    <rPh sb="0" eb="1">
      <t>ソト</t>
    </rPh>
    <rPh sb="2" eb="3">
      <t>コク</t>
    </rPh>
    <phoneticPr fontId="3"/>
  </si>
  <si>
    <t>合　計</t>
    <rPh sb="0" eb="1">
      <t>ゴウ</t>
    </rPh>
    <rPh sb="2" eb="3">
      <t>ケイ</t>
    </rPh>
    <phoneticPr fontId="3"/>
  </si>
  <si>
    <t>神奈川
県</t>
    <rPh sb="0" eb="3">
      <t>カナガワ</t>
    </rPh>
    <rPh sb="4" eb="5">
      <t>ケン</t>
    </rPh>
    <phoneticPr fontId="3"/>
  </si>
  <si>
    <t>東京都</t>
    <rPh sb="0" eb="1">
      <t>ヒガシ</t>
    </rPh>
    <rPh sb="1" eb="2">
      <t>キョウ</t>
    </rPh>
    <rPh sb="2" eb="3">
      <t>ト</t>
    </rPh>
    <phoneticPr fontId="3"/>
  </si>
  <si>
    <t>小計</t>
    <rPh sb="0" eb="2">
      <t>ショウケイ</t>
    </rPh>
    <phoneticPr fontId="3"/>
  </si>
  <si>
    <t>計</t>
    <rPh sb="0" eb="1">
      <t>ケイ</t>
    </rPh>
    <phoneticPr fontId="3"/>
  </si>
  <si>
    <t>公募</t>
    <rPh sb="0" eb="2">
      <t>コウボ</t>
    </rPh>
    <phoneticPr fontId="3"/>
  </si>
  <si>
    <t>併設</t>
    <rPh sb="0" eb="2">
      <t>ヘイセツ</t>
    </rPh>
    <phoneticPr fontId="3"/>
  </si>
  <si>
    <t>合計</t>
    <rPh sb="0" eb="2">
      <t>ゴウケイ</t>
    </rPh>
    <phoneticPr fontId="3"/>
  </si>
  <si>
    <t>募集人員</t>
    <rPh sb="0" eb="2">
      <t>ボシュウ</t>
    </rPh>
    <rPh sb="2" eb="4">
      <t>ジンイン</t>
    </rPh>
    <phoneticPr fontId="3"/>
  </si>
  <si>
    <t>受験者数</t>
    <rPh sb="0" eb="3">
      <t>ジュケンシャ</t>
    </rPh>
    <rPh sb="3" eb="4">
      <t>スウ</t>
    </rPh>
    <phoneticPr fontId="3"/>
  </si>
  <si>
    <t>合格者数</t>
    <rPh sb="0" eb="3">
      <t>ゴウカクシャ</t>
    </rPh>
    <rPh sb="3" eb="4">
      <t>スウ</t>
    </rPh>
    <phoneticPr fontId="3"/>
  </si>
  <si>
    <t>入学者数</t>
    <rPh sb="0" eb="2">
      <t>ニュウガク</t>
    </rPh>
    <rPh sb="2" eb="3">
      <t>シャ</t>
    </rPh>
    <rPh sb="3" eb="4">
      <t>スウ</t>
    </rPh>
    <phoneticPr fontId="3"/>
  </si>
  <si>
    <t>受験</t>
    <rPh sb="0" eb="2">
      <t>ジュケン</t>
    </rPh>
    <phoneticPr fontId="3"/>
  </si>
  <si>
    <t>備　考</t>
    <rPh sb="0" eb="1">
      <t>ソナエ</t>
    </rPh>
    <rPh sb="2" eb="3">
      <t>コウ</t>
    </rPh>
    <phoneticPr fontId="3"/>
  </si>
  <si>
    <t>学校所在地</t>
    <rPh sb="0" eb="2">
      <t>ガッコウ</t>
    </rPh>
    <rPh sb="2" eb="5">
      <t>ショザイチ</t>
    </rPh>
    <phoneticPr fontId="1"/>
  </si>
  <si>
    <t>郵便番号</t>
    <rPh sb="0" eb="4">
      <t>ユウビンバンゴウ</t>
    </rPh>
    <phoneticPr fontId="1"/>
  </si>
  <si>
    <t>電話番号</t>
    <rPh sb="0" eb="2">
      <t>デンワ</t>
    </rPh>
    <rPh sb="2" eb="4">
      <t>バンゴウ</t>
    </rPh>
    <phoneticPr fontId="1"/>
  </si>
  <si>
    <t>ﾌｧｸｼﾐﾘ</t>
    <phoneticPr fontId="1"/>
  </si>
  <si>
    <t>学校長氏名</t>
    <rPh sb="0" eb="3">
      <t>ガッコウチョウ</t>
    </rPh>
    <rPh sb="3" eb="5">
      <t>シメイ</t>
    </rPh>
    <phoneticPr fontId="1"/>
  </si>
  <si>
    <t>(フリガナ)</t>
    <phoneticPr fontId="1"/>
  </si>
  <si>
    <t>理事長氏名</t>
    <rPh sb="0" eb="3">
      <t>リジチョウ</t>
    </rPh>
    <rPh sb="3" eb="5">
      <t>シメイ</t>
    </rPh>
    <phoneticPr fontId="1"/>
  </si>
  <si>
    <t>作成者氏名</t>
    <rPh sb="0" eb="3">
      <t>サクセイシャ</t>
    </rPh>
    <rPh sb="3" eb="5">
      <t>シメイ</t>
    </rPh>
    <phoneticPr fontId="1"/>
  </si>
  <si>
    <t>法人所在地</t>
    <rPh sb="0" eb="2">
      <t>ホウジン</t>
    </rPh>
    <rPh sb="2" eb="5">
      <t>ショザイチ</t>
    </rPh>
    <phoneticPr fontId="1"/>
  </si>
  <si>
    <t>報告書作成者</t>
    <rPh sb="0" eb="2">
      <t>ホウコク</t>
    </rPh>
    <rPh sb="2" eb="3">
      <t>ショ</t>
    </rPh>
    <rPh sb="3" eb="6">
      <t>サクセイシャ</t>
    </rPh>
    <phoneticPr fontId="1"/>
  </si>
  <si>
    <t>設置者</t>
    <rPh sb="0" eb="2">
      <t>セッチ</t>
    </rPh>
    <rPh sb="2" eb="3">
      <t>シャ</t>
    </rPh>
    <phoneticPr fontId="1"/>
  </si>
  <si>
    <t>学校</t>
    <rPh sb="0" eb="2">
      <t>ガッコウ</t>
    </rPh>
    <phoneticPr fontId="1"/>
  </si>
  <si>
    <t>私　立　学　校　現　況　調　査　報　告　書</t>
    <rPh sb="0" eb="1">
      <t>ワタシ</t>
    </rPh>
    <rPh sb="2" eb="3">
      <t>リツ</t>
    </rPh>
    <rPh sb="4" eb="5">
      <t>ガク</t>
    </rPh>
    <rPh sb="6" eb="7">
      <t>コウ</t>
    </rPh>
    <rPh sb="8" eb="9">
      <t>ウツツ</t>
    </rPh>
    <rPh sb="10" eb="11">
      <t>キョウ</t>
    </rPh>
    <rPh sb="12" eb="13">
      <t>チョウ</t>
    </rPh>
    <rPh sb="14" eb="15">
      <t>サ</t>
    </rPh>
    <rPh sb="16" eb="17">
      <t>ホウ</t>
    </rPh>
    <rPh sb="18" eb="19">
      <t>コク</t>
    </rPh>
    <rPh sb="20" eb="21">
      <t>ショ</t>
    </rPh>
    <phoneticPr fontId="1"/>
  </si>
  <si>
    <t>私立学校現況調査報告書（記載例）</t>
    <rPh sb="0" eb="1">
      <t>ワタシ</t>
    </rPh>
    <rPh sb="1" eb="2">
      <t>リツ</t>
    </rPh>
    <rPh sb="2" eb="3">
      <t>ガク</t>
    </rPh>
    <rPh sb="3" eb="4">
      <t>コウ</t>
    </rPh>
    <rPh sb="4" eb="5">
      <t>ウツツ</t>
    </rPh>
    <rPh sb="5" eb="6">
      <t>キョウ</t>
    </rPh>
    <rPh sb="6" eb="7">
      <t>チョウ</t>
    </rPh>
    <rPh sb="7" eb="8">
      <t>サ</t>
    </rPh>
    <rPh sb="8" eb="9">
      <t>ホウ</t>
    </rPh>
    <rPh sb="9" eb="10">
      <t>コク</t>
    </rPh>
    <rPh sb="10" eb="11">
      <t>ショ</t>
    </rPh>
    <rPh sb="12" eb="14">
      <t>キサイ</t>
    </rPh>
    <rPh sb="14" eb="15">
      <t>レイ</t>
    </rPh>
    <phoneticPr fontId="1"/>
  </si>
  <si>
    <t>231-0024　（半角で入力）</t>
    <rPh sb="10" eb="12">
      <t>ハンカク</t>
    </rPh>
    <rPh sb="13" eb="15">
      <t>ニュウリョク</t>
    </rPh>
    <phoneticPr fontId="1"/>
  </si>
  <si>
    <t>○○市△△町XX-XX　（神奈川県は省略可、番地等は半角で入力）</t>
    <rPh sb="2" eb="3">
      <t>シ</t>
    </rPh>
    <rPh sb="5" eb="6">
      <t>マチ</t>
    </rPh>
    <rPh sb="13" eb="16">
      <t>カナガワ</t>
    </rPh>
    <rPh sb="16" eb="17">
      <t>ケン</t>
    </rPh>
    <rPh sb="18" eb="20">
      <t>ショウリャク</t>
    </rPh>
    <rPh sb="20" eb="21">
      <t>カ</t>
    </rPh>
    <rPh sb="22" eb="24">
      <t>バンチ</t>
    </rPh>
    <rPh sb="24" eb="25">
      <t>トウ</t>
    </rPh>
    <rPh sb="26" eb="28">
      <t>ハンカク</t>
    </rPh>
    <rPh sb="29" eb="31">
      <t>ニュウリョク</t>
    </rPh>
    <phoneticPr fontId="1"/>
  </si>
  <si>
    <t>○○　△△　（姓と名の間は、全角で１文字空ける）</t>
    <rPh sb="7" eb="8">
      <t>セイ</t>
    </rPh>
    <rPh sb="9" eb="10">
      <t>メイ</t>
    </rPh>
    <rPh sb="11" eb="12">
      <t>アイダ</t>
    </rPh>
    <rPh sb="14" eb="16">
      <t>ゼンカク</t>
    </rPh>
    <rPh sb="18" eb="20">
      <t>モジ</t>
    </rPh>
    <rPh sb="20" eb="21">
      <t>ア</t>
    </rPh>
    <phoneticPr fontId="1"/>
  </si>
  <si>
    <t>(045)210-3772　（半角で入力）</t>
    <rPh sb="15" eb="17">
      <t>ハンカク</t>
    </rPh>
    <rPh sb="18" eb="20">
      <t>ニュウリョク</t>
    </rPh>
    <phoneticPr fontId="1"/>
  </si>
  <si>
    <t>(045)210-8839　（半角で入力）</t>
    <rPh sb="15" eb="17">
      <t>ハンカク</t>
    </rPh>
    <rPh sb="18" eb="20">
      <t>ニュウリョク</t>
    </rPh>
    <phoneticPr fontId="1"/>
  </si>
  <si>
    <t>学校法人○○学舎</t>
    <rPh sb="0" eb="2">
      <t>ガッコウ</t>
    </rPh>
    <rPh sb="2" eb="4">
      <t>ホウジン</t>
    </rPh>
    <rPh sb="6" eb="7">
      <t>ガク</t>
    </rPh>
    <rPh sb="7" eb="8">
      <t>シャ</t>
    </rPh>
    <phoneticPr fontId="1"/>
  </si>
  <si>
    <t>マルマル　サンカクサンカク　（全角で入力し、姓と名の間は、全角で１文字空ける）</t>
    <rPh sb="15" eb="17">
      <t>ゼンカク</t>
    </rPh>
    <rPh sb="18" eb="20">
      <t>ニュウリョク</t>
    </rPh>
    <rPh sb="22" eb="23">
      <t>セイ</t>
    </rPh>
    <rPh sb="24" eb="25">
      <t>メイ</t>
    </rPh>
    <rPh sb="26" eb="27">
      <t>アイダ</t>
    </rPh>
    <rPh sb="29" eb="31">
      <t>ゼンカク</t>
    </rPh>
    <rPh sb="33" eb="35">
      <t>モジ</t>
    </rPh>
    <rPh sb="35" eb="36">
      <t>ア</t>
    </rPh>
    <phoneticPr fontId="1"/>
  </si>
  <si>
    <t>学校コード</t>
    <rPh sb="0" eb="2">
      <t>ガッコウ</t>
    </rPh>
    <phoneticPr fontId="1"/>
  </si>
  <si>
    <t>学費負担者の居住地別児童・生徒数</t>
    <rPh sb="9" eb="10">
      <t>ベツ</t>
    </rPh>
    <rPh sb="10" eb="12">
      <t>ジドウ</t>
    </rPh>
    <rPh sb="13" eb="15">
      <t>セイト</t>
    </rPh>
    <rPh sb="15" eb="16">
      <t>スウ</t>
    </rPh>
    <phoneticPr fontId="3"/>
  </si>
  <si>
    <t>○○中等教育学校</t>
    <rPh sb="2" eb="4">
      <t>チュウトウ</t>
    </rPh>
    <rPh sb="4" eb="6">
      <t>キョウイク</t>
    </rPh>
    <rPh sb="6" eb="8">
      <t>ガッコウ</t>
    </rPh>
    <phoneticPr fontId="1"/>
  </si>
  <si>
    <t>学年別学級数及び生徒数</t>
    <rPh sb="3" eb="5">
      <t>ガッキュウ</t>
    </rPh>
    <rPh sb="5" eb="6">
      <t>スウ</t>
    </rPh>
    <rPh sb="6" eb="7">
      <t>オヨ</t>
    </rPh>
    <rPh sb="8" eb="11">
      <t>セイトスウ</t>
    </rPh>
    <phoneticPr fontId="1"/>
  </si>
  <si>
    <t>志願者数</t>
    <rPh sb="0" eb="3">
      <t>シガンシャ</t>
    </rPh>
    <rPh sb="3" eb="4">
      <t>スウ</t>
    </rPh>
    <phoneticPr fontId="3"/>
  </si>
  <si>
    <t>DXXXX,AXXXX　（法人コード、学校コード一覧表の学校コードを半角で入力）</t>
    <rPh sb="13" eb="15">
      <t>ホウジン</t>
    </rPh>
    <rPh sb="19" eb="21">
      <t>ガッコウ</t>
    </rPh>
    <rPh sb="24" eb="26">
      <t>イチラン</t>
    </rPh>
    <rPh sb="26" eb="27">
      <t>ヒョウ</t>
    </rPh>
    <rPh sb="28" eb="30">
      <t>ガッコウ</t>
    </rPh>
    <rPh sb="34" eb="36">
      <t>ハンカク</t>
    </rPh>
    <rPh sb="37" eb="39">
      <t>ニュウリョク</t>
    </rPh>
    <phoneticPr fontId="1"/>
  </si>
  <si>
    <t>前期課程における生徒の入学状況</t>
    <rPh sb="0" eb="2">
      <t>ゼンキ</t>
    </rPh>
    <rPh sb="2" eb="4">
      <t>カテイ</t>
    </rPh>
    <rPh sb="8" eb="10">
      <t>セイト</t>
    </rPh>
    <phoneticPr fontId="3"/>
  </si>
  <si>
    <t>２学年</t>
    <rPh sb="1" eb="2">
      <t>ガク</t>
    </rPh>
    <rPh sb="2" eb="3">
      <t>ネン</t>
    </rPh>
    <phoneticPr fontId="1"/>
  </si>
  <si>
    <t>１学年</t>
    <rPh sb="1" eb="2">
      <t>ガク</t>
    </rPh>
    <rPh sb="2" eb="3">
      <t>ネン</t>
    </rPh>
    <phoneticPr fontId="1"/>
  </si>
  <si>
    <t>３学年</t>
    <rPh sb="1" eb="3">
      <t>ガクネン</t>
    </rPh>
    <phoneticPr fontId="1"/>
  </si>
  <si>
    <t>３学年</t>
    <rPh sb="1" eb="2">
      <t>ガク</t>
    </rPh>
    <rPh sb="2" eb="3">
      <t>ネン</t>
    </rPh>
    <phoneticPr fontId="1"/>
  </si>
  <si>
    <t>４学年</t>
    <rPh sb="1" eb="2">
      <t>ガク</t>
    </rPh>
    <rPh sb="2" eb="3">
      <t>ネン</t>
    </rPh>
    <phoneticPr fontId="1"/>
  </si>
  <si>
    <t>５学年</t>
    <rPh sb="1" eb="2">
      <t>ガク</t>
    </rPh>
    <rPh sb="2" eb="3">
      <t>ネン</t>
    </rPh>
    <phoneticPr fontId="1"/>
  </si>
  <si>
    <t>６学年</t>
    <rPh sb="1" eb="2">
      <t>ガク</t>
    </rPh>
    <rPh sb="2" eb="3">
      <t>ネン</t>
    </rPh>
    <phoneticPr fontId="1"/>
  </si>
  <si>
    <t>入学者と１学年生徒に変動がある場合の理由</t>
    <rPh sb="0" eb="3">
      <t>ニュウガクシャ</t>
    </rPh>
    <rPh sb="5" eb="6">
      <t>ガク</t>
    </rPh>
    <rPh sb="7" eb="9">
      <t>セイト</t>
    </rPh>
    <rPh sb="10" eb="12">
      <t>ヘンドウ</t>
    </rPh>
    <rPh sb="15" eb="17">
      <t>バアイ</t>
    </rPh>
    <rPh sb="18" eb="20">
      <t>リユウ</t>
    </rPh>
    <phoneticPr fontId="1"/>
  </si>
  <si>
    <t>人数</t>
    <rPh sb="0" eb="2">
      <t>ニンズウ</t>
    </rPh>
    <phoneticPr fontId="1"/>
  </si>
  <si>
    <t>増減の理由</t>
    <rPh sb="0" eb="2">
      <t>ゾウゲン</t>
    </rPh>
    <rPh sb="3" eb="5">
      <t>リユウ</t>
    </rPh>
    <phoneticPr fontId="1"/>
  </si>
  <si>
    <t>１学年</t>
    <rPh sb="1" eb="3">
      <t>ガクネン</t>
    </rPh>
    <rPh sb="2" eb="3">
      <t>ネン</t>
    </rPh>
    <phoneticPr fontId="3"/>
  </si>
  <si>
    <t>２学年</t>
    <rPh sb="1" eb="2">
      <t>ガク</t>
    </rPh>
    <rPh sb="2" eb="3">
      <t>ネン</t>
    </rPh>
    <phoneticPr fontId="3"/>
  </si>
  <si>
    <t>３学年</t>
    <rPh sb="1" eb="2">
      <t>ガク</t>
    </rPh>
    <rPh sb="2" eb="3">
      <t>ネン</t>
    </rPh>
    <phoneticPr fontId="3"/>
  </si>
  <si>
    <t>４学年</t>
    <rPh sb="1" eb="2">
      <t>ガク</t>
    </rPh>
    <rPh sb="2" eb="3">
      <t>ネン</t>
    </rPh>
    <phoneticPr fontId="3"/>
  </si>
  <si>
    <t>５学年</t>
    <rPh sb="1" eb="2">
      <t>ガク</t>
    </rPh>
    <rPh sb="2" eb="3">
      <t>ネン</t>
    </rPh>
    <phoneticPr fontId="3"/>
  </si>
  <si>
    <t>６学年</t>
    <rPh sb="1" eb="2">
      <t>ガク</t>
    </rPh>
    <rPh sb="2" eb="3">
      <t>ネン</t>
    </rPh>
    <phoneticPr fontId="3"/>
  </si>
  <si>
    <t>１学年</t>
    <rPh sb="1" eb="2">
      <t>ガク</t>
    </rPh>
    <rPh sb="2" eb="3">
      <t>ネン</t>
    </rPh>
    <phoneticPr fontId="3"/>
  </si>
  <si>
    <t>令　和　８　年　度</t>
    <rPh sb="0" eb="1">
      <t>レイ</t>
    </rPh>
    <rPh sb="2" eb="3">
      <t>ワ</t>
    </rPh>
    <rPh sb="6" eb="7">
      <t>トシ</t>
    </rPh>
    <rPh sb="8" eb="9">
      <t>ド</t>
    </rPh>
    <phoneticPr fontId="1"/>
  </si>
  <si>
    <t>（令和８年５月１日現在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phoneticPr fontId="1"/>
  </si>
  <si>
    <t>R8</t>
    <phoneticPr fontId="1"/>
  </si>
  <si>
    <t>学年学級別生徒数</t>
    <phoneticPr fontId="1"/>
  </si>
  <si>
    <t>R8から男女別内訳の調査は行いません。</t>
    <rPh sb="4" eb="6">
      <t>ダンジョ</t>
    </rPh>
    <rPh sb="6" eb="7">
      <t>ベツ</t>
    </rPh>
    <rPh sb="7" eb="9">
      <t>ウチワケ</t>
    </rPh>
    <rPh sb="10" eb="12">
      <t>チョウサ</t>
    </rPh>
    <rPh sb="13" eb="14">
      <t>オコナ</t>
    </rPh>
    <phoneticPr fontId="1"/>
  </si>
  <si>
    <t>※令和６年度から本票の審査業務を委託しています。</t>
    <phoneticPr fontId="1"/>
  </si>
  <si>
    <t>－ 義務教育学校 －</t>
    <rPh sb="2" eb="4">
      <t>ギム</t>
    </rPh>
    <rPh sb="4" eb="6">
      <t>キョウイク</t>
    </rPh>
    <rPh sb="6" eb="8">
      <t>ガッコウ</t>
    </rPh>
    <phoneticPr fontId="1"/>
  </si>
  <si>
    <r>
      <t xml:space="preserve">７学年
</t>
    </r>
    <r>
      <rPr>
        <sz val="9"/>
        <rFont val="ＭＳ Ｐ明朝"/>
        <family val="1"/>
        <charset val="128"/>
      </rPr>
      <t>(後期１学年）</t>
    </r>
    <rPh sb="1" eb="3">
      <t>ガクネン</t>
    </rPh>
    <rPh sb="5" eb="7">
      <t>コウキ</t>
    </rPh>
    <rPh sb="8" eb="10">
      <t>ガクネン</t>
    </rPh>
    <phoneticPr fontId="1"/>
  </si>
  <si>
    <r>
      <t xml:space="preserve">８学年
</t>
    </r>
    <r>
      <rPr>
        <sz val="9"/>
        <rFont val="ＭＳ Ｐ明朝"/>
        <family val="1"/>
        <charset val="128"/>
      </rPr>
      <t>(後期２学年）</t>
    </r>
    <rPh sb="1" eb="3">
      <t>ガクネン</t>
    </rPh>
    <rPh sb="5" eb="7">
      <t>コウキ</t>
    </rPh>
    <rPh sb="8" eb="10">
      <t>ガクネン</t>
    </rPh>
    <phoneticPr fontId="1"/>
  </si>
  <si>
    <r>
      <t xml:space="preserve">９学年
</t>
    </r>
    <r>
      <rPr>
        <sz val="9"/>
        <rFont val="ＭＳ Ｐ明朝"/>
        <family val="1"/>
        <charset val="128"/>
      </rPr>
      <t>(後期３学年）</t>
    </r>
    <rPh sb="1" eb="3">
      <t>ガクネン</t>
    </rPh>
    <rPh sb="5" eb="7">
      <t>コウキ</t>
    </rPh>
    <rPh sb="8" eb="10">
      <t>ガクネン</t>
    </rPh>
    <phoneticPr fontId="1"/>
  </si>
  <si>
    <t>７学年</t>
    <rPh sb="1" eb="2">
      <t>ガク</t>
    </rPh>
    <rPh sb="2" eb="3">
      <t>ネン</t>
    </rPh>
    <phoneticPr fontId="3"/>
  </si>
  <si>
    <t>８学年</t>
    <rPh sb="1" eb="2">
      <t>ガク</t>
    </rPh>
    <rPh sb="2" eb="3">
      <t>ネン</t>
    </rPh>
    <phoneticPr fontId="3"/>
  </si>
  <si>
    <t>９学年</t>
    <rPh sb="1" eb="2">
      <t>ガク</t>
    </rPh>
    <rPh sb="2" eb="3">
      <t>ネン</t>
    </rPh>
    <phoneticPr fontId="3"/>
  </si>
  <si>
    <t>７学年</t>
    <rPh sb="1" eb="2">
      <t>ガク</t>
    </rPh>
    <rPh sb="2" eb="3">
      <t>ネン</t>
    </rPh>
    <phoneticPr fontId="1"/>
  </si>
  <si>
    <t>８学年</t>
    <rPh sb="1" eb="2">
      <t>ガク</t>
    </rPh>
    <rPh sb="2" eb="3">
      <t>ネン</t>
    </rPh>
    <phoneticPr fontId="1"/>
  </si>
  <si>
    <t>９学年</t>
    <rPh sb="1" eb="2">
      <t>ガク</t>
    </rPh>
    <rPh sb="2" eb="3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△ &quot;#,##0"/>
  </numFmts>
  <fonts count="16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6"/>
      <name val="ＭＳ ゴシック"/>
      <family val="3"/>
      <charset val="128"/>
    </font>
    <font>
      <sz val="11"/>
      <name val="ＭＳ 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6"/>
      <name val="ＭＳ 明朝"/>
      <family val="1"/>
      <charset val="128"/>
    </font>
    <font>
      <sz val="9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9"/>
      <name val="ＭＳ Ｐ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00"/>
        <bgColor indexed="64"/>
      </patternFill>
    </fill>
  </fills>
  <borders count="85">
    <border>
      <left/>
      <right/>
      <top/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dotted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dotted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/>
    <xf numFmtId="0" fontId="2" fillId="0" borderId="0">
      <alignment vertical="center"/>
    </xf>
    <xf numFmtId="0" fontId="2" fillId="0" borderId="0">
      <alignment vertical="center"/>
    </xf>
  </cellStyleXfs>
  <cellXfs count="184">
    <xf numFmtId="0" fontId="0" fillId="0" borderId="0" xfId="0"/>
    <xf numFmtId="0" fontId="5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49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5" fillId="0" borderId="13" xfId="0" applyFont="1" applyBorder="1" applyAlignment="1">
      <alignment vertical="center"/>
    </xf>
    <xf numFmtId="0" fontId="5" fillId="0" borderId="31" xfId="0" applyFont="1" applyBorder="1" applyAlignment="1">
      <alignment vertical="center"/>
    </xf>
    <xf numFmtId="0" fontId="5" fillId="0" borderId="30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50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vertical="center"/>
    </xf>
    <xf numFmtId="0" fontId="11" fillId="0" borderId="0" xfId="0" quotePrefix="1" applyFont="1" applyAlignment="1">
      <alignment horizontal="center" vertical="center"/>
    </xf>
    <xf numFmtId="176" fontId="4" fillId="0" borderId="14" xfId="0" applyNumberFormat="1" applyFont="1" applyFill="1" applyBorder="1" applyAlignment="1" applyProtection="1">
      <alignment vertical="center"/>
      <protection locked="0"/>
    </xf>
    <xf numFmtId="176" fontId="4" fillId="0" borderId="28" xfId="0" applyNumberFormat="1" applyFont="1" applyFill="1" applyBorder="1" applyAlignment="1" applyProtection="1">
      <alignment vertical="center"/>
      <protection locked="0"/>
    </xf>
    <xf numFmtId="176" fontId="4" fillId="0" borderId="61" xfId="2" applyNumberFormat="1" applyFont="1" applyFill="1" applyBorder="1" applyProtection="1">
      <alignment vertical="center"/>
      <protection locked="0"/>
    </xf>
    <xf numFmtId="176" fontId="4" fillId="0" borderId="58" xfId="2" applyNumberFormat="1" applyFont="1" applyFill="1" applyBorder="1" applyProtection="1">
      <alignment vertical="center"/>
      <protection locked="0"/>
    </xf>
    <xf numFmtId="176" fontId="4" fillId="0" borderId="62" xfId="2" applyNumberFormat="1" applyFont="1" applyFill="1" applyBorder="1" applyProtection="1">
      <alignment vertical="center"/>
      <protection locked="0"/>
    </xf>
    <xf numFmtId="176" fontId="4" fillId="0" borderId="2" xfId="2" applyNumberFormat="1" applyFont="1" applyFill="1" applyBorder="1" applyProtection="1">
      <alignment vertical="center"/>
      <protection locked="0"/>
    </xf>
    <xf numFmtId="176" fontId="4" fillId="0" borderId="3" xfId="2" applyNumberFormat="1" applyFont="1" applyFill="1" applyBorder="1" applyProtection="1">
      <alignment vertical="center"/>
      <protection locked="0"/>
    </xf>
    <xf numFmtId="176" fontId="4" fillId="0" borderId="4" xfId="2" applyNumberFormat="1" applyFont="1" applyFill="1" applyBorder="1" applyProtection="1">
      <alignment vertical="center"/>
      <protection locked="0"/>
    </xf>
    <xf numFmtId="176" fontId="4" fillId="0" borderId="5" xfId="2" applyNumberFormat="1" applyFont="1" applyFill="1" applyBorder="1" applyProtection="1">
      <alignment vertical="center"/>
      <protection locked="0"/>
    </xf>
    <xf numFmtId="176" fontId="4" fillId="0" borderId="6" xfId="2" applyNumberFormat="1" applyFont="1" applyFill="1" applyBorder="1" applyProtection="1">
      <alignment vertical="center"/>
      <protection locked="0"/>
    </xf>
    <xf numFmtId="176" fontId="4" fillId="0" borderId="7" xfId="2" applyNumberFormat="1" applyFont="1" applyFill="1" applyBorder="1" applyProtection="1">
      <alignment vertical="center"/>
      <protection locked="0"/>
    </xf>
    <xf numFmtId="176" fontId="4" fillId="0" borderId="63" xfId="2" applyNumberFormat="1" applyFont="1" applyFill="1" applyBorder="1" applyProtection="1">
      <alignment vertical="center"/>
      <protection locked="0"/>
    </xf>
    <xf numFmtId="176" fontId="4" fillId="0" borderId="8" xfId="2" applyNumberFormat="1" applyFont="1" applyFill="1" applyBorder="1" applyProtection="1">
      <alignment vertical="center"/>
      <protection locked="0"/>
    </xf>
    <xf numFmtId="176" fontId="4" fillId="0" borderId="9" xfId="2" applyNumberFormat="1" applyFont="1" applyFill="1" applyBorder="1" applyProtection="1">
      <alignment vertical="center"/>
      <protection locked="0"/>
    </xf>
    <xf numFmtId="0" fontId="4" fillId="0" borderId="9" xfId="2" applyFont="1" applyFill="1" applyBorder="1" applyProtection="1">
      <alignment vertical="center"/>
      <protection locked="0"/>
    </xf>
    <xf numFmtId="0" fontId="4" fillId="0" borderId="37" xfId="2" applyFont="1" applyFill="1" applyBorder="1" applyProtection="1">
      <alignment vertical="center"/>
      <protection locked="0"/>
    </xf>
    <xf numFmtId="0" fontId="4" fillId="0" borderId="40" xfId="2" applyFont="1" applyFill="1" applyBorder="1" applyProtection="1">
      <alignment vertical="center"/>
      <protection locked="0"/>
    </xf>
    <xf numFmtId="0" fontId="13" fillId="0" borderId="0" xfId="0" applyFont="1" applyAlignment="1">
      <alignment vertical="center"/>
    </xf>
    <xf numFmtId="176" fontId="4" fillId="0" borderId="76" xfId="0" applyNumberFormat="1" applyFont="1" applyFill="1" applyBorder="1" applyAlignment="1" applyProtection="1">
      <alignment vertical="center"/>
      <protection locked="0"/>
    </xf>
    <xf numFmtId="176" fontId="4" fillId="0" borderId="77" xfId="0" applyNumberFormat="1" applyFont="1" applyFill="1" applyBorder="1" applyAlignment="1" applyProtection="1">
      <alignment vertical="center"/>
      <protection locked="0"/>
    </xf>
    <xf numFmtId="176" fontId="4" fillId="0" borderId="55" xfId="2" applyNumberFormat="1" applyFont="1" applyFill="1" applyBorder="1" applyProtection="1">
      <alignment vertical="center"/>
      <protection locked="0"/>
    </xf>
    <xf numFmtId="176" fontId="4" fillId="0" borderId="78" xfId="2" applyNumberFormat="1" applyFont="1" applyFill="1" applyBorder="1" applyProtection="1">
      <alignment vertical="center"/>
      <protection locked="0"/>
    </xf>
    <xf numFmtId="176" fontId="4" fillId="0" borderId="79" xfId="2" applyNumberFormat="1" applyFont="1" applyFill="1" applyBorder="1" applyProtection="1">
      <alignment vertical="center"/>
      <protection locked="0"/>
    </xf>
    <xf numFmtId="176" fontId="4" fillId="0" borderId="64" xfId="2" applyNumberFormat="1" applyFont="1" applyFill="1" applyBorder="1" applyProtection="1">
      <alignment vertical="center"/>
      <protection locked="0"/>
    </xf>
    <xf numFmtId="176" fontId="4" fillId="0" borderId="65" xfId="2" applyNumberFormat="1" applyFont="1" applyFill="1" applyBorder="1" applyProtection="1">
      <alignment vertical="center"/>
      <protection locked="0"/>
    </xf>
    <xf numFmtId="176" fontId="6" fillId="0" borderId="0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Alignment="1" applyProtection="1">
      <alignment vertical="center"/>
    </xf>
    <xf numFmtId="176" fontId="7" fillId="0" borderId="0" xfId="0" applyNumberFormat="1" applyFont="1" applyFill="1" applyAlignment="1" applyProtection="1">
      <alignment horizontal="right" vertical="center"/>
    </xf>
    <xf numFmtId="176" fontId="7" fillId="0" borderId="10" xfId="0" applyNumberFormat="1" applyFont="1" applyFill="1" applyBorder="1" applyAlignment="1" applyProtection="1">
      <alignment vertical="center"/>
    </xf>
    <xf numFmtId="0" fontId="14" fillId="0" borderId="0" xfId="2" applyFont="1" applyProtection="1">
      <alignment vertical="center"/>
    </xf>
    <xf numFmtId="176" fontId="4" fillId="0" borderId="14" xfId="0" applyNumberFormat="1" applyFont="1" applyFill="1" applyBorder="1" applyAlignment="1" applyProtection="1">
      <alignment horizontal="center" vertical="center" wrapText="1"/>
    </xf>
    <xf numFmtId="176" fontId="4" fillId="0" borderId="11" xfId="0" applyNumberFormat="1" applyFont="1" applyFill="1" applyBorder="1" applyAlignment="1" applyProtection="1">
      <alignment horizontal="center" vertical="center" wrapText="1"/>
    </xf>
    <xf numFmtId="176" fontId="4" fillId="0" borderId="81" xfId="0" applyNumberFormat="1" applyFont="1" applyFill="1" applyBorder="1" applyAlignment="1" applyProtection="1">
      <alignment horizontal="center" vertical="center"/>
    </xf>
    <xf numFmtId="176" fontId="4" fillId="0" borderId="16" xfId="0" applyNumberFormat="1" applyFont="1" applyFill="1" applyBorder="1" applyAlignment="1" applyProtection="1">
      <alignment horizontal="center" vertical="center"/>
    </xf>
    <xf numFmtId="176" fontId="4" fillId="3" borderId="27" xfId="0" applyNumberFormat="1" applyFont="1" applyFill="1" applyBorder="1" applyAlignment="1" applyProtection="1">
      <alignment vertical="center"/>
    </xf>
    <xf numFmtId="176" fontId="4" fillId="3" borderId="23" xfId="0" applyNumberFormat="1" applyFont="1" applyFill="1" applyBorder="1" applyAlignment="1" applyProtection="1">
      <alignment vertical="center"/>
    </xf>
    <xf numFmtId="176" fontId="4" fillId="3" borderId="82" xfId="0" applyNumberFormat="1" applyFont="1" applyFill="1" applyBorder="1" applyAlignment="1" applyProtection="1">
      <alignment vertical="center"/>
    </xf>
    <xf numFmtId="176" fontId="4" fillId="0" borderId="83" xfId="0" applyNumberFormat="1" applyFont="1" applyFill="1" applyBorder="1" applyAlignment="1" applyProtection="1">
      <alignment vertical="center"/>
    </xf>
    <xf numFmtId="176" fontId="4" fillId="0" borderId="19" xfId="0" applyNumberFormat="1" applyFont="1" applyFill="1" applyBorder="1" applyAlignment="1" applyProtection="1">
      <alignment vertical="center"/>
    </xf>
    <xf numFmtId="176" fontId="12" fillId="0" borderId="14" xfId="0" applyNumberFormat="1" applyFont="1" applyFill="1" applyBorder="1" applyAlignment="1" applyProtection="1">
      <alignment horizontal="center" vertical="center"/>
    </xf>
    <xf numFmtId="176" fontId="4" fillId="2" borderId="14" xfId="0" applyNumberFormat="1" applyFont="1" applyFill="1" applyBorder="1" applyAlignment="1" applyProtection="1">
      <alignment vertical="center"/>
    </xf>
    <xf numFmtId="176" fontId="12" fillId="0" borderId="28" xfId="0" applyNumberFormat="1" applyFont="1" applyFill="1" applyBorder="1" applyAlignment="1" applyProtection="1">
      <alignment horizontal="center" vertical="center"/>
    </xf>
    <xf numFmtId="176" fontId="4" fillId="2" borderId="28" xfId="0" applyNumberFormat="1" applyFont="1" applyFill="1" applyBorder="1" applyAlignment="1" applyProtection="1">
      <alignment vertical="center"/>
    </xf>
    <xf numFmtId="176" fontId="4" fillId="0" borderId="18" xfId="0" applyNumberFormat="1" applyFont="1" applyFill="1" applyBorder="1" applyAlignment="1" applyProtection="1">
      <alignment horizontal="center" vertical="center"/>
    </xf>
    <xf numFmtId="176" fontId="4" fillId="2" borderId="18" xfId="0" applyNumberFormat="1" applyFont="1" applyFill="1" applyBorder="1" applyAlignment="1" applyProtection="1">
      <alignment vertical="center"/>
    </xf>
    <xf numFmtId="176" fontId="6" fillId="0" borderId="0" xfId="0" applyNumberFormat="1" applyFont="1" applyFill="1" applyAlignment="1" applyProtection="1">
      <alignment vertical="center"/>
    </xf>
    <xf numFmtId="176" fontId="4" fillId="0" borderId="14" xfId="0" applyNumberFormat="1" applyFont="1" applyFill="1" applyBorder="1" applyAlignment="1" applyProtection="1">
      <alignment horizontal="center" vertical="center"/>
    </xf>
    <xf numFmtId="176" fontId="4" fillId="3" borderId="18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Alignment="1" applyProtection="1">
      <alignment horizontal="center" vertical="center"/>
    </xf>
    <xf numFmtId="176" fontId="4" fillId="0" borderId="1" xfId="0" applyNumberFormat="1" applyFont="1" applyFill="1" applyBorder="1" applyAlignment="1" applyProtection="1">
      <alignment vertical="center"/>
      <protection locked="0"/>
    </xf>
    <xf numFmtId="176" fontId="4" fillId="0" borderId="32" xfId="0" applyNumberFormat="1" applyFont="1" applyFill="1" applyBorder="1" applyAlignment="1" applyProtection="1">
      <alignment vertical="center"/>
      <protection locked="0"/>
    </xf>
    <xf numFmtId="176" fontId="4" fillId="0" borderId="11" xfId="0" applyNumberFormat="1" applyFont="1" applyFill="1" applyBorder="1" applyAlignment="1" applyProtection="1">
      <alignment horizontal="center" vertical="center"/>
    </xf>
    <xf numFmtId="176" fontId="6" fillId="0" borderId="0" xfId="2" applyNumberFormat="1" applyFont="1" applyFill="1" applyAlignment="1" applyProtection="1">
      <alignment vertical="center"/>
    </xf>
    <xf numFmtId="176" fontId="4" fillId="0" borderId="0" xfId="2" applyNumberFormat="1" applyFont="1" applyFill="1" applyProtection="1">
      <alignment vertical="center"/>
    </xf>
    <xf numFmtId="176" fontId="4" fillId="0" borderId="53" xfId="2" applyNumberFormat="1" applyFont="1" applyFill="1" applyBorder="1" applyProtection="1">
      <alignment vertical="center"/>
    </xf>
    <xf numFmtId="176" fontId="4" fillId="0" borderId="20" xfId="2" applyNumberFormat="1" applyFont="1" applyFill="1" applyBorder="1" applyProtection="1">
      <alignment vertical="center"/>
    </xf>
    <xf numFmtId="176" fontId="4" fillId="0" borderId="16" xfId="2" applyNumberFormat="1" applyFont="1" applyFill="1" applyBorder="1" applyAlignment="1" applyProtection="1">
      <alignment horizontal="center" vertical="center"/>
    </xf>
    <xf numFmtId="176" fontId="4" fillId="0" borderId="19" xfId="2" applyNumberFormat="1" applyFont="1" applyFill="1" applyBorder="1" applyAlignment="1" applyProtection="1">
      <alignment horizontal="center" vertical="center"/>
    </xf>
    <xf numFmtId="176" fontId="4" fillId="0" borderId="0" xfId="2" applyNumberFormat="1" applyFont="1" applyFill="1" applyBorder="1" applyProtection="1">
      <alignment vertical="center"/>
    </xf>
    <xf numFmtId="176" fontId="12" fillId="0" borderId="21" xfId="2" applyNumberFormat="1" applyFont="1" applyFill="1" applyBorder="1" applyAlignment="1" applyProtection="1">
      <alignment horizontal="center" vertical="center"/>
    </xf>
    <xf numFmtId="176" fontId="4" fillId="2" borderId="2" xfId="2" applyNumberFormat="1" applyFont="1" applyFill="1" applyBorder="1" applyProtection="1">
      <alignment vertical="center"/>
    </xf>
    <xf numFmtId="176" fontId="4" fillId="2" borderId="3" xfId="2" applyNumberFormat="1" applyFont="1" applyFill="1" applyBorder="1" applyProtection="1">
      <alignment vertical="center"/>
    </xf>
    <xf numFmtId="176" fontId="4" fillId="2" borderId="4" xfId="2" applyNumberFormat="1" applyFont="1" applyFill="1" applyBorder="1" applyProtection="1">
      <alignment vertical="center"/>
    </xf>
    <xf numFmtId="176" fontId="4" fillId="2" borderId="41" xfId="2" applyNumberFormat="1" applyFont="1" applyFill="1" applyBorder="1" applyProtection="1">
      <alignment vertical="center"/>
    </xf>
    <xf numFmtId="176" fontId="12" fillId="0" borderId="22" xfId="2" applyNumberFormat="1" applyFont="1" applyFill="1" applyBorder="1" applyAlignment="1" applyProtection="1">
      <alignment horizontal="center" vertical="center"/>
    </xf>
    <xf numFmtId="176" fontId="4" fillId="2" borderId="5" xfId="2" applyNumberFormat="1" applyFont="1" applyFill="1" applyBorder="1" applyProtection="1">
      <alignment vertical="center"/>
    </xf>
    <xf numFmtId="176" fontId="4" fillId="2" borderId="6" xfId="2" applyNumberFormat="1" applyFont="1" applyFill="1" applyBorder="1" applyProtection="1">
      <alignment vertical="center"/>
    </xf>
    <xf numFmtId="176" fontId="4" fillId="2" borderId="7" xfId="2" applyNumberFormat="1" applyFont="1" applyFill="1" applyBorder="1" applyProtection="1">
      <alignment vertical="center"/>
    </xf>
    <xf numFmtId="176" fontId="4" fillId="2" borderId="33" xfId="2" applyNumberFormat="1" applyFont="1" applyFill="1" applyBorder="1" applyProtection="1">
      <alignment vertical="center"/>
    </xf>
    <xf numFmtId="176" fontId="12" fillId="0" borderId="56" xfId="2" applyNumberFormat="1" applyFont="1" applyFill="1" applyBorder="1" applyAlignment="1" applyProtection="1">
      <alignment horizontal="center" vertical="center"/>
    </xf>
    <xf numFmtId="176" fontId="4" fillId="2" borderId="51" xfId="2" applyNumberFormat="1" applyFont="1" applyFill="1" applyBorder="1" applyProtection="1">
      <alignment vertical="center"/>
    </xf>
    <xf numFmtId="176" fontId="4" fillId="2" borderId="52" xfId="2" applyNumberFormat="1" applyFont="1" applyFill="1" applyBorder="1" applyProtection="1">
      <alignment vertical="center"/>
    </xf>
    <xf numFmtId="176" fontId="4" fillId="2" borderId="47" xfId="2" applyNumberFormat="1" applyFont="1" applyFill="1" applyBorder="1" applyProtection="1">
      <alignment vertical="center"/>
    </xf>
    <xf numFmtId="176" fontId="4" fillId="2" borderId="48" xfId="2" applyNumberFormat="1" applyFont="1" applyFill="1" applyBorder="1" applyProtection="1">
      <alignment vertical="center"/>
    </xf>
    <xf numFmtId="176" fontId="12" fillId="0" borderId="57" xfId="2" applyNumberFormat="1" applyFont="1" applyFill="1" applyBorder="1" applyAlignment="1" applyProtection="1">
      <alignment horizontal="center" vertical="center"/>
    </xf>
    <xf numFmtId="176" fontId="4" fillId="2" borderId="35" xfId="2" applyNumberFormat="1" applyFont="1" applyFill="1" applyBorder="1" applyProtection="1">
      <alignment vertical="center"/>
    </xf>
    <xf numFmtId="176" fontId="4" fillId="2" borderId="36" xfId="2" applyNumberFormat="1" applyFont="1" applyFill="1" applyBorder="1" applyProtection="1">
      <alignment vertical="center"/>
    </xf>
    <xf numFmtId="176" fontId="4" fillId="2" borderId="37" xfId="2" applyNumberFormat="1" applyFont="1" applyFill="1" applyBorder="1" applyProtection="1">
      <alignment vertical="center"/>
    </xf>
    <xf numFmtId="176" fontId="4" fillId="2" borderId="42" xfId="2" applyNumberFormat="1" applyFont="1" applyFill="1" applyBorder="1" applyProtection="1">
      <alignment vertical="center"/>
    </xf>
    <xf numFmtId="176" fontId="4" fillId="0" borderId="24" xfId="2" applyNumberFormat="1" applyFont="1" applyFill="1" applyBorder="1" applyAlignment="1" applyProtection="1">
      <alignment horizontal="center" vertical="center"/>
    </xf>
    <xf numFmtId="176" fontId="4" fillId="2" borderId="38" xfId="2" applyNumberFormat="1" applyFont="1" applyFill="1" applyBorder="1" applyProtection="1">
      <alignment vertical="center"/>
    </xf>
    <xf numFmtId="176" fontId="4" fillId="2" borderId="39" xfId="2" applyNumberFormat="1" applyFont="1" applyFill="1" applyBorder="1" applyProtection="1">
      <alignment vertical="center"/>
    </xf>
    <xf numFmtId="176" fontId="4" fillId="2" borderId="40" xfId="2" applyNumberFormat="1" applyFont="1" applyFill="1" applyBorder="1" applyProtection="1">
      <alignment vertical="center"/>
    </xf>
    <xf numFmtId="176" fontId="4" fillId="2" borderId="43" xfId="2" applyNumberFormat="1" applyFont="1" applyFill="1" applyBorder="1" applyProtection="1">
      <alignment vertical="center"/>
    </xf>
    <xf numFmtId="176" fontId="4" fillId="0" borderId="0" xfId="2" applyNumberFormat="1" applyFont="1" applyFill="1" applyAlignment="1" applyProtection="1">
      <alignment horizontal="center" vertical="center"/>
    </xf>
    <xf numFmtId="176" fontId="7" fillId="0" borderId="10" xfId="2" applyNumberFormat="1" applyFont="1" applyFill="1" applyBorder="1" applyAlignment="1" applyProtection="1">
      <alignment vertical="center"/>
    </xf>
    <xf numFmtId="176" fontId="4" fillId="0" borderId="10" xfId="2" applyNumberFormat="1" applyFont="1" applyFill="1" applyBorder="1" applyProtection="1">
      <alignment vertical="center"/>
    </xf>
    <xf numFmtId="176" fontId="4" fillId="0" borderId="19" xfId="2" applyNumberFormat="1" applyFont="1" applyFill="1" applyBorder="1" applyAlignment="1" applyProtection="1">
      <alignment vertical="center"/>
    </xf>
    <xf numFmtId="176" fontId="4" fillId="0" borderId="23" xfId="2" applyNumberFormat="1" applyFont="1" applyFill="1" applyBorder="1" applyAlignment="1" applyProtection="1">
      <alignment horizontal="center" vertical="center"/>
    </xf>
    <xf numFmtId="176" fontId="4" fillId="2" borderId="44" xfId="2" applyNumberFormat="1" applyFont="1" applyFill="1" applyBorder="1" applyAlignment="1" applyProtection="1">
      <alignment vertical="center" wrapText="1"/>
    </xf>
    <xf numFmtId="176" fontId="4" fillId="2" borderId="26" xfId="2" applyNumberFormat="1" applyFont="1" applyFill="1" applyBorder="1" applyAlignment="1" applyProtection="1">
      <alignment vertical="center"/>
    </xf>
    <xf numFmtId="176" fontId="4" fillId="2" borderId="26" xfId="2" applyNumberFormat="1" applyFont="1" applyFill="1" applyBorder="1" applyAlignment="1" applyProtection="1">
      <alignment vertical="center" wrapText="1"/>
    </xf>
    <xf numFmtId="176" fontId="4" fillId="2" borderId="45" xfId="2" applyNumberFormat="1" applyFont="1" applyFill="1" applyBorder="1" applyAlignment="1" applyProtection="1">
      <alignment vertical="center"/>
    </xf>
    <xf numFmtId="176" fontId="4" fillId="2" borderId="46" xfId="2" applyNumberFormat="1" applyFont="1" applyFill="1" applyBorder="1" applyAlignment="1" applyProtection="1">
      <alignment vertical="center"/>
    </xf>
    <xf numFmtId="176" fontId="4" fillId="0" borderId="17" xfId="2" applyNumberFormat="1" applyFont="1" applyFill="1" applyBorder="1" applyAlignment="1" applyProtection="1">
      <alignment vertical="center"/>
    </xf>
    <xf numFmtId="176" fontId="4" fillId="2" borderId="80" xfId="2" applyNumberFormat="1" applyFont="1" applyFill="1" applyBorder="1" applyProtection="1">
      <alignment vertical="center"/>
    </xf>
    <xf numFmtId="176" fontId="4" fillId="2" borderId="32" xfId="2" applyNumberFormat="1" applyFont="1" applyFill="1" applyBorder="1" applyProtection="1">
      <alignment vertical="center"/>
    </xf>
    <xf numFmtId="176" fontId="4" fillId="0" borderId="21" xfId="2" applyNumberFormat="1" applyFont="1" applyFill="1" applyBorder="1" applyAlignment="1" applyProtection="1">
      <alignment horizontal="center" vertical="center"/>
    </xf>
    <xf numFmtId="176" fontId="4" fillId="0" borderId="22" xfId="2" applyNumberFormat="1" applyFont="1" applyFill="1" applyBorder="1" applyAlignment="1" applyProtection="1">
      <alignment horizontal="center" vertical="center"/>
    </xf>
    <xf numFmtId="176" fontId="4" fillId="0" borderId="25" xfId="2" applyNumberFormat="1" applyFont="1" applyFill="1" applyBorder="1" applyAlignment="1" applyProtection="1">
      <alignment horizontal="center" vertical="center"/>
    </xf>
    <xf numFmtId="176" fontId="4" fillId="2" borderId="34" xfId="2" applyNumberFormat="1" applyFont="1" applyFill="1" applyBorder="1" applyProtection="1">
      <alignment vertical="center"/>
    </xf>
    <xf numFmtId="176" fontId="4" fillId="0" borderId="0" xfId="2" applyNumberFormat="1" applyFont="1" applyFill="1" applyBorder="1" applyAlignment="1" applyProtection="1">
      <alignment horizontal="center" vertical="center"/>
    </xf>
    <xf numFmtId="176" fontId="4" fillId="2" borderId="45" xfId="2" applyNumberFormat="1" applyFont="1" applyFill="1" applyBorder="1" applyAlignment="1" applyProtection="1">
      <alignment vertical="center" wrapText="1"/>
    </xf>
    <xf numFmtId="176" fontId="4" fillId="2" borderId="27" xfId="2" applyNumberFormat="1" applyFont="1" applyFill="1" applyBorder="1" applyAlignment="1" applyProtection="1">
      <alignment vertical="center" wrapText="1"/>
    </xf>
    <xf numFmtId="176" fontId="4" fillId="0" borderId="16" xfId="2" applyNumberFormat="1" applyFont="1" applyFill="1" applyBorder="1" applyProtection="1">
      <alignment vertical="center"/>
      <protection locked="0"/>
    </xf>
    <xf numFmtId="0" fontId="6" fillId="0" borderId="0" xfId="2" applyFont="1" applyFill="1" applyProtection="1">
      <alignment vertical="center"/>
    </xf>
    <xf numFmtId="0" fontId="4" fillId="0" borderId="0" xfId="2" applyFont="1" applyFill="1" applyProtection="1">
      <alignment vertical="center"/>
    </xf>
    <xf numFmtId="0" fontId="4" fillId="0" borderId="14" xfId="2" applyFont="1" applyFill="1" applyBorder="1" applyAlignment="1" applyProtection="1">
      <alignment horizontal="center" vertical="center" textRotation="255"/>
    </xf>
    <xf numFmtId="0" fontId="4" fillId="0" borderId="55" xfId="2" applyFont="1" applyFill="1" applyBorder="1" applyAlignment="1" applyProtection="1">
      <alignment horizontal="center" vertical="center"/>
    </xf>
    <xf numFmtId="0" fontId="4" fillId="0" borderId="29" xfId="2" applyFont="1" applyFill="1" applyBorder="1" applyAlignment="1" applyProtection="1">
      <alignment horizontal="center" vertical="center" wrapText="1"/>
    </xf>
    <xf numFmtId="0" fontId="4" fillId="0" borderId="29" xfId="2" applyFont="1" applyFill="1" applyBorder="1" applyAlignment="1" applyProtection="1">
      <alignment horizontal="center" vertical="center"/>
    </xf>
    <xf numFmtId="0" fontId="4" fillId="0" borderId="54" xfId="2" applyFont="1" applyFill="1" applyBorder="1" applyAlignment="1" applyProtection="1">
      <alignment horizontal="center" vertical="center"/>
    </xf>
    <xf numFmtId="0" fontId="4" fillId="0" borderId="28" xfId="2" applyFont="1" applyFill="1" applyBorder="1" applyAlignment="1" applyProtection="1">
      <alignment horizontal="center" vertical="center"/>
    </xf>
    <xf numFmtId="0" fontId="4" fillId="0" borderId="19" xfId="2" applyFont="1" applyBorder="1" applyAlignment="1" applyProtection="1">
      <alignment horizontal="center" vertical="center"/>
    </xf>
    <xf numFmtId="0" fontId="4" fillId="0" borderId="23" xfId="2" applyFont="1" applyBorder="1" applyAlignment="1" applyProtection="1">
      <alignment horizontal="center" vertical="center"/>
    </xf>
    <xf numFmtId="0" fontId="4" fillId="0" borderId="24" xfId="2" applyFont="1" applyBorder="1" applyAlignment="1" applyProtection="1">
      <alignment horizontal="center" vertical="center"/>
    </xf>
    <xf numFmtId="176" fontId="4" fillId="2" borderId="66" xfId="2" applyNumberFormat="1" applyFont="1" applyFill="1" applyBorder="1" applyProtection="1">
      <alignment vertical="center"/>
    </xf>
    <xf numFmtId="176" fontId="4" fillId="0" borderId="36" xfId="2" applyNumberFormat="1" applyFont="1" applyFill="1" applyBorder="1" applyProtection="1">
      <alignment vertical="center"/>
      <protection locked="0"/>
    </xf>
    <xf numFmtId="176" fontId="4" fillId="0" borderId="37" xfId="2" applyNumberFormat="1" applyFont="1" applyFill="1" applyBorder="1" applyProtection="1">
      <alignment vertical="center"/>
      <protection locked="0"/>
    </xf>
    <xf numFmtId="176" fontId="4" fillId="0" borderId="0" xfId="0" applyNumberFormat="1" applyFont="1" applyFill="1" applyBorder="1" applyAlignment="1" applyProtection="1">
      <alignment horizontal="center" vertical="center"/>
    </xf>
    <xf numFmtId="176" fontId="4" fillId="0" borderId="17" xfId="0" applyNumberFormat="1" applyFont="1" applyFill="1" applyBorder="1" applyAlignment="1" applyProtection="1">
      <alignment horizontal="center" vertical="center"/>
      <protection locked="0"/>
    </xf>
    <xf numFmtId="176" fontId="4" fillId="0" borderId="59" xfId="0" applyNumberFormat="1" applyFont="1" applyFill="1" applyBorder="1" applyAlignment="1" applyProtection="1">
      <alignment horizontal="center" vertical="center"/>
      <protection locked="0"/>
    </xf>
    <xf numFmtId="176" fontId="4" fillId="0" borderId="22" xfId="0" applyNumberFormat="1" applyFont="1" applyFill="1" applyBorder="1" applyAlignment="1" applyProtection="1">
      <alignment horizontal="center" vertical="center"/>
      <protection locked="0"/>
    </xf>
    <xf numFmtId="176" fontId="4" fillId="0" borderId="60" xfId="0" applyNumberFormat="1" applyFont="1" applyFill="1" applyBorder="1" applyAlignment="1" applyProtection="1">
      <alignment horizontal="center" vertical="center"/>
      <protection locked="0"/>
    </xf>
    <xf numFmtId="0" fontId="5" fillId="0" borderId="67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15" xfId="0" applyFont="1" applyBorder="1" applyAlignment="1">
      <alignment vertical="center"/>
    </xf>
    <xf numFmtId="0" fontId="5" fillId="0" borderId="70" xfId="0" applyFont="1" applyBorder="1" applyAlignment="1">
      <alignment vertical="center"/>
    </xf>
    <xf numFmtId="0" fontId="5" fillId="0" borderId="49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5" fillId="0" borderId="13" xfId="0" applyFont="1" applyBorder="1" applyAlignment="1">
      <alignment vertical="center"/>
    </xf>
    <xf numFmtId="0" fontId="5" fillId="0" borderId="71" xfId="0" applyFont="1" applyBorder="1" applyAlignment="1">
      <alignment vertical="center"/>
    </xf>
    <xf numFmtId="0" fontId="5" fillId="0" borderId="10" xfId="0" applyFont="1" applyBorder="1" applyAlignment="1">
      <alignment vertical="center"/>
    </xf>
    <xf numFmtId="0" fontId="5" fillId="0" borderId="43" xfId="0" applyFont="1" applyBorder="1" applyAlignment="1">
      <alignment vertical="center"/>
    </xf>
    <xf numFmtId="0" fontId="5" fillId="0" borderId="50" xfId="0" applyFont="1" applyBorder="1" applyAlignment="1">
      <alignment vertical="center"/>
    </xf>
    <xf numFmtId="0" fontId="5" fillId="0" borderId="31" xfId="0" applyFont="1" applyBorder="1" applyAlignment="1">
      <alignment vertical="center"/>
    </xf>
    <xf numFmtId="0" fontId="5" fillId="0" borderId="30" xfId="0" applyFont="1" applyBorder="1" applyAlignment="1">
      <alignment vertical="center"/>
    </xf>
    <xf numFmtId="0" fontId="5" fillId="0" borderId="38" xfId="0" applyFont="1" applyBorder="1" applyAlignment="1">
      <alignment horizontal="center" vertical="center"/>
    </xf>
    <xf numFmtId="0" fontId="5" fillId="0" borderId="39" xfId="0" applyFont="1" applyBorder="1" applyAlignment="1">
      <alignment horizontal="center" vertical="center"/>
    </xf>
    <xf numFmtId="0" fontId="5" fillId="0" borderId="39" xfId="0" applyFont="1" applyBorder="1" applyAlignment="1">
      <alignment vertical="center"/>
    </xf>
    <xf numFmtId="0" fontId="5" fillId="0" borderId="40" xfId="0" applyFont="1" applyBorder="1" applyAlignment="1">
      <alignment vertical="center"/>
    </xf>
    <xf numFmtId="0" fontId="5" fillId="0" borderId="55" xfId="0" applyFont="1" applyBorder="1" applyAlignment="1">
      <alignment horizontal="center" vertical="center"/>
    </xf>
    <xf numFmtId="0" fontId="5" fillId="0" borderId="29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5" fillId="0" borderId="69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68" xfId="0" applyFont="1" applyBorder="1" applyAlignment="1">
      <alignment horizontal="center" vertical="center"/>
    </xf>
    <xf numFmtId="0" fontId="5" fillId="0" borderId="29" xfId="0" applyFont="1" applyBorder="1" applyAlignment="1">
      <alignment vertical="center"/>
    </xf>
    <xf numFmtId="0" fontId="5" fillId="0" borderId="54" xfId="0" applyFont="1" applyBorder="1" applyAlignment="1">
      <alignment vertical="center"/>
    </xf>
    <xf numFmtId="176" fontId="4" fillId="0" borderId="11" xfId="0" applyNumberFormat="1" applyFont="1" applyFill="1" applyBorder="1" applyAlignment="1" applyProtection="1">
      <alignment horizontal="center" vertical="center"/>
    </xf>
    <xf numFmtId="176" fontId="4" fillId="0" borderId="13" xfId="0" applyNumberFormat="1" applyFont="1" applyFill="1" applyBorder="1" applyAlignment="1" applyProtection="1">
      <alignment horizontal="center" vertical="center"/>
    </xf>
    <xf numFmtId="176" fontId="4" fillId="0" borderId="11" xfId="0" applyNumberFormat="1" applyFont="1" applyFill="1" applyBorder="1" applyAlignment="1" applyProtection="1">
      <alignment vertical="center"/>
      <protection locked="0"/>
    </xf>
    <xf numFmtId="176" fontId="4" fillId="0" borderId="12" xfId="0" applyNumberFormat="1" applyFont="1" applyFill="1" applyBorder="1" applyAlignment="1" applyProtection="1">
      <alignment vertical="center"/>
      <protection locked="0"/>
    </xf>
    <xf numFmtId="176" fontId="4" fillId="0" borderId="13" xfId="0" applyNumberFormat="1" applyFont="1" applyFill="1" applyBorder="1" applyAlignment="1" applyProtection="1">
      <alignment vertical="center"/>
      <protection locked="0"/>
    </xf>
    <xf numFmtId="176" fontId="4" fillId="0" borderId="12" xfId="0" applyNumberFormat="1" applyFont="1" applyFill="1" applyBorder="1" applyAlignment="1" applyProtection="1">
      <alignment horizontal="center" vertical="center"/>
    </xf>
    <xf numFmtId="176" fontId="4" fillId="0" borderId="55" xfId="2" applyNumberFormat="1" applyFont="1" applyFill="1" applyBorder="1" applyAlignment="1" applyProtection="1">
      <alignment horizontal="center" vertical="center" wrapText="1"/>
    </xf>
    <xf numFmtId="176" fontId="4" fillId="0" borderId="73" xfId="2" applyNumberFormat="1" applyFont="1" applyFill="1" applyBorder="1" applyAlignment="1" applyProtection="1">
      <alignment horizontal="center" vertical="center" wrapText="1"/>
    </xf>
    <xf numFmtId="176" fontId="4" fillId="0" borderId="29" xfId="2" applyNumberFormat="1" applyFont="1" applyFill="1" applyBorder="1" applyAlignment="1" applyProtection="1">
      <alignment horizontal="center" vertical="center"/>
    </xf>
    <xf numFmtId="176" fontId="4" fillId="0" borderId="74" xfId="2" applyNumberFormat="1" applyFont="1" applyFill="1" applyBorder="1" applyAlignment="1" applyProtection="1">
      <alignment horizontal="center" vertical="center"/>
    </xf>
    <xf numFmtId="176" fontId="4" fillId="0" borderId="29" xfId="2" applyNumberFormat="1" applyFont="1" applyFill="1" applyBorder="1" applyAlignment="1" applyProtection="1">
      <alignment horizontal="center" vertical="center" wrapText="1"/>
    </xf>
    <xf numFmtId="176" fontId="4" fillId="0" borderId="74" xfId="2" applyNumberFormat="1" applyFont="1" applyFill="1" applyBorder="1" applyAlignment="1" applyProtection="1">
      <alignment horizontal="center" vertical="center" wrapText="1"/>
    </xf>
    <xf numFmtId="176" fontId="4" fillId="0" borderId="54" xfId="2" applyNumberFormat="1" applyFont="1" applyFill="1" applyBorder="1" applyAlignment="1" applyProtection="1">
      <alignment horizontal="center" vertical="center"/>
    </xf>
    <xf numFmtId="176" fontId="4" fillId="0" borderId="75" xfId="2" applyNumberFormat="1" applyFont="1" applyFill="1" applyBorder="1" applyAlignment="1" applyProtection="1">
      <alignment horizontal="center" vertical="center"/>
    </xf>
    <xf numFmtId="176" fontId="4" fillId="0" borderId="72" xfId="2" applyNumberFormat="1" applyFont="1" applyFill="1" applyBorder="1" applyAlignment="1" applyProtection="1">
      <alignment horizontal="center" vertical="center"/>
    </xf>
    <xf numFmtId="176" fontId="4" fillId="0" borderId="30" xfId="2" applyNumberFormat="1" applyFont="1" applyFill="1" applyBorder="1" applyAlignment="1" applyProtection="1">
      <alignment horizontal="center" vertical="center"/>
    </xf>
    <xf numFmtId="176" fontId="12" fillId="0" borderId="84" xfId="0" applyNumberFormat="1" applyFont="1" applyFill="1" applyBorder="1" applyAlignment="1" applyProtection="1">
      <alignment horizontal="center" vertical="center"/>
    </xf>
    <xf numFmtId="176" fontId="4" fillId="2" borderId="84" xfId="0" applyNumberFormat="1" applyFont="1" applyFill="1" applyBorder="1" applyAlignment="1" applyProtection="1">
      <alignment vertical="center"/>
    </xf>
  </cellXfs>
  <cellStyles count="3">
    <cellStyle name="標準" xfId="0" builtinId="0"/>
    <cellStyle name="標準 2" xfId="1" xr:uid="{C2FF2021-3D7E-4A64-911F-5D3BE4EE681E}"/>
    <cellStyle name="標準_Sheet" xfId="2" xr:uid="{053F6DF3-4656-4628-9210-CABDB145540A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C354BC-60BE-4E23-8EDC-B9B3FB7BE3CA}">
  <dimension ref="A1:BX29"/>
  <sheetViews>
    <sheetView zoomScaleNormal="100" workbookViewId="0">
      <selection activeCell="BH4" sqref="BH4"/>
    </sheetView>
  </sheetViews>
  <sheetFormatPr defaultColWidth="2.109375" defaultRowHeight="24.9" customHeight="1"/>
  <cols>
    <col min="1" max="16384" width="2.109375" style="1"/>
  </cols>
  <sheetData>
    <row r="1" spans="4:76" ht="15" customHeight="1">
      <c r="T1" s="2" t="s">
        <v>70</v>
      </c>
      <c r="BH1" s="2" t="str">
        <f>T1</f>
        <v>令　和　８　年　度</v>
      </c>
    </row>
    <row r="2" spans="4:76" ht="30" customHeight="1">
      <c r="T2" s="11" t="s">
        <v>37</v>
      </c>
      <c r="BH2" s="11" t="s">
        <v>38</v>
      </c>
    </row>
    <row r="3" spans="4:76" ht="19.2">
      <c r="T3" s="13" t="s">
        <v>76</v>
      </c>
      <c r="BH3" s="13" t="str">
        <f>T3</f>
        <v>－ 義務教育学校 －</v>
      </c>
    </row>
    <row r="4" spans="4:76" ht="15" customHeight="1">
      <c r="T4" s="2" t="s">
        <v>71</v>
      </c>
      <c r="BH4" s="2" t="str">
        <f>T4</f>
        <v>（令和８年５月１日現在）</v>
      </c>
    </row>
    <row r="5" spans="4:76" ht="9.9" customHeight="1"/>
    <row r="6" spans="4:76" ht="24.9" customHeight="1">
      <c r="D6" s="12" t="s">
        <v>36</v>
      </c>
      <c r="AR6" s="12" t="s">
        <v>36</v>
      </c>
    </row>
    <row r="7" spans="4:76" ht="24.9" customHeight="1">
      <c r="D7" s="139" t="s">
        <v>46</v>
      </c>
      <c r="E7" s="140"/>
      <c r="F7" s="140"/>
      <c r="G7" s="140"/>
      <c r="H7" s="140"/>
      <c r="I7" s="143"/>
      <c r="J7" s="144"/>
      <c r="K7" s="144"/>
      <c r="L7" s="144"/>
      <c r="M7" s="144"/>
      <c r="N7" s="144"/>
      <c r="O7" s="144"/>
      <c r="P7" s="144"/>
      <c r="Q7" s="144"/>
      <c r="R7" s="144"/>
      <c r="S7" s="144"/>
      <c r="T7" s="144"/>
      <c r="U7" s="144"/>
      <c r="V7" s="144"/>
      <c r="W7" s="144"/>
      <c r="X7" s="144"/>
      <c r="Y7" s="144"/>
      <c r="Z7" s="144"/>
      <c r="AA7" s="144"/>
      <c r="AB7" s="144"/>
      <c r="AC7" s="144"/>
      <c r="AD7" s="144"/>
      <c r="AE7" s="144"/>
      <c r="AF7" s="144"/>
      <c r="AG7" s="144"/>
      <c r="AH7" s="144"/>
      <c r="AI7" s="144"/>
      <c r="AJ7" s="145"/>
      <c r="AR7" s="161" t="s">
        <v>46</v>
      </c>
      <c r="AS7" s="162"/>
      <c r="AT7" s="162"/>
      <c r="AU7" s="162"/>
      <c r="AV7" s="163"/>
      <c r="AW7" s="3" t="s">
        <v>51</v>
      </c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  <c r="BW7" s="4"/>
      <c r="BX7" s="5"/>
    </row>
    <row r="8" spans="4:76" ht="24.9" customHeight="1">
      <c r="D8" s="161" t="s">
        <v>4</v>
      </c>
      <c r="E8" s="162"/>
      <c r="F8" s="162"/>
      <c r="G8" s="162"/>
      <c r="H8" s="163"/>
      <c r="I8" s="143"/>
      <c r="J8" s="144"/>
      <c r="K8" s="144"/>
      <c r="L8" s="144"/>
      <c r="M8" s="144"/>
      <c r="N8" s="144"/>
      <c r="O8" s="144"/>
      <c r="P8" s="144"/>
      <c r="Q8" s="144"/>
      <c r="R8" s="144"/>
      <c r="S8" s="144"/>
      <c r="T8" s="144"/>
      <c r="U8" s="144"/>
      <c r="V8" s="144"/>
      <c r="W8" s="144"/>
      <c r="X8" s="144"/>
      <c r="Y8" s="144"/>
      <c r="Z8" s="144"/>
      <c r="AA8" s="144"/>
      <c r="AB8" s="144"/>
      <c r="AC8" s="144"/>
      <c r="AD8" s="144"/>
      <c r="AE8" s="144"/>
      <c r="AF8" s="144"/>
      <c r="AG8" s="144"/>
      <c r="AH8" s="144"/>
      <c r="AI8" s="144"/>
      <c r="AJ8" s="145"/>
      <c r="AR8" s="161" t="s">
        <v>4</v>
      </c>
      <c r="AS8" s="162"/>
      <c r="AT8" s="162"/>
      <c r="AU8" s="162"/>
      <c r="AV8" s="163"/>
      <c r="AW8" s="143" t="s">
        <v>48</v>
      </c>
      <c r="AX8" s="144"/>
      <c r="AY8" s="144"/>
      <c r="AZ8" s="144"/>
      <c r="BA8" s="144"/>
      <c r="BB8" s="144"/>
      <c r="BC8" s="144"/>
      <c r="BD8" s="144"/>
      <c r="BE8" s="144"/>
      <c r="BF8" s="144"/>
      <c r="BG8" s="144"/>
      <c r="BH8" s="144"/>
      <c r="BI8" s="144"/>
      <c r="BJ8" s="144"/>
      <c r="BK8" s="144"/>
      <c r="BL8" s="144"/>
      <c r="BM8" s="144"/>
      <c r="BN8" s="144"/>
      <c r="BO8" s="144"/>
      <c r="BP8" s="144"/>
      <c r="BQ8" s="144"/>
      <c r="BR8" s="144"/>
      <c r="BS8" s="144"/>
      <c r="BT8" s="144"/>
      <c r="BU8" s="144"/>
      <c r="BV8" s="144"/>
      <c r="BW8" s="144"/>
      <c r="BX8" s="145"/>
    </row>
    <row r="9" spans="4:76" ht="20.100000000000001" customHeight="1">
      <c r="D9" s="158" t="s">
        <v>26</v>
      </c>
      <c r="E9" s="159"/>
      <c r="F9" s="159"/>
      <c r="G9" s="159"/>
      <c r="H9" s="160"/>
      <c r="I9" s="149"/>
      <c r="J9" s="150"/>
      <c r="K9" s="150"/>
      <c r="L9" s="150"/>
      <c r="M9" s="150"/>
      <c r="N9" s="150"/>
      <c r="O9" s="150"/>
      <c r="P9" s="150"/>
      <c r="Q9" s="150"/>
      <c r="R9" s="150"/>
      <c r="S9" s="150"/>
      <c r="T9" s="150"/>
      <c r="U9" s="150"/>
      <c r="V9" s="150"/>
      <c r="W9" s="150"/>
      <c r="X9" s="150"/>
      <c r="Y9" s="150"/>
      <c r="Z9" s="150"/>
      <c r="AA9" s="150"/>
      <c r="AB9" s="150"/>
      <c r="AC9" s="150"/>
      <c r="AD9" s="150"/>
      <c r="AE9" s="150"/>
      <c r="AF9" s="150"/>
      <c r="AG9" s="150"/>
      <c r="AH9" s="150"/>
      <c r="AI9" s="150"/>
      <c r="AJ9" s="151"/>
      <c r="AR9" s="158" t="s">
        <v>26</v>
      </c>
      <c r="AS9" s="159"/>
      <c r="AT9" s="159"/>
      <c r="AU9" s="159"/>
      <c r="AV9" s="160"/>
      <c r="AW9" s="149" t="s">
        <v>39</v>
      </c>
      <c r="AX9" s="150"/>
      <c r="AY9" s="150"/>
      <c r="AZ9" s="150"/>
      <c r="BA9" s="150"/>
      <c r="BB9" s="150"/>
      <c r="BC9" s="150"/>
      <c r="BD9" s="150"/>
      <c r="BE9" s="150"/>
      <c r="BF9" s="150"/>
      <c r="BG9" s="150"/>
      <c r="BH9" s="150"/>
      <c r="BI9" s="150"/>
      <c r="BJ9" s="150"/>
      <c r="BK9" s="150"/>
      <c r="BL9" s="150"/>
      <c r="BM9" s="150"/>
      <c r="BN9" s="150"/>
      <c r="BO9" s="150"/>
      <c r="BP9" s="150"/>
      <c r="BQ9" s="150"/>
      <c r="BR9" s="150"/>
      <c r="BS9" s="150"/>
      <c r="BT9" s="150"/>
      <c r="BU9" s="150"/>
      <c r="BV9" s="150"/>
      <c r="BW9" s="150"/>
      <c r="BX9" s="151"/>
    </row>
    <row r="10" spans="4:76" ht="35.1" customHeight="1">
      <c r="D10" s="152" t="s">
        <v>25</v>
      </c>
      <c r="E10" s="153"/>
      <c r="F10" s="153"/>
      <c r="G10" s="153"/>
      <c r="H10" s="153"/>
      <c r="I10" s="154"/>
      <c r="J10" s="154"/>
      <c r="K10" s="154"/>
      <c r="L10" s="154"/>
      <c r="M10" s="154"/>
      <c r="N10" s="154"/>
      <c r="O10" s="154"/>
      <c r="P10" s="154"/>
      <c r="Q10" s="154"/>
      <c r="R10" s="154"/>
      <c r="S10" s="154"/>
      <c r="T10" s="154"/>
      <c r="U10" s="154"/>
      <c r="V10" s="154"/>
      <c r="W10" s="154"/>
      <c r="X10" s="154"/>
      <c r="Y10" s="154"/>
      <c r="Z10" s="154"/>
      <c r="AA10" s="154"/>
      <c r="AB10" s="154"/>
      <c r="AC10" s="154"/>
      <c r="AD10" s="154"/>
      <c r="AE10" s="154"/>
      <c r="AF10" s="154"/>
      <c r="AG10" s="154"/>
      <c r="AH10" s="154"/>
      <c r="AI10" s="154"/>
      <c r="AJ10" s="155"/>
      <c r="AR10" s="152" t="s">
        <v>25</v>
      </c>
      <c r="AS10" s="153"/>
      <c r="AT10" s="153"/>
      <c r="AU10" s="153"/>
      <c r="AV10" s="153"/>
      <c r="AW10" s="154" t="s">
        <v>40</v>
      </c>
      <c r="AX10" s="154"/>
      <c r="AY10" s="154"/>
      <c r="AZ10" s="154"/>
      <c r="BA10" s="154"/>
      <c r="BB10" s="154"/>
      <c r="BC10" s="154"/>
      <c r="BD10" s="154"/>
      <c r="BE10" s="154"/>
      <c r="BF10" s="154"/>
      <c r="BG10" s="154"/>
      <c r="BH10" s="154"/>
      <c r="BI10" s="154"/>
      <c r="BJ10" s="154"/>
      <c r="BK10" s="154"/>
      <c r="BL10" s="154"/>
      <c r="BM10" s="154"/>
      <c r="BN10" s="154"/>
      <c r="BO10" s="154"/>
      <c r="BP10" s="154"/>
      <c r="BQ10" s="154"/>
      <c r="BR10" s="154"/>
      <c r="BS10" s="154"/>
      <c r="BT10" s="154"/>
      <c r="BU10" s="154"/>
      <c r="BV10" s="154"/>
      <c r="BW10" s="154"/>
      <c r="BX10" s="155"/>
    </row>
    <row r="11" spans="4:76" ht="15" customHeight="1">
      <c r="D11" s="156" t="s">
        <v>30</v>
      </c>
      <c r="E11" s="157"/>
      <c r="F11" s="157"/>
      <c r="G11" s="157"/>
      <c r="H11" s="157"/>
      <c r="I11" s="164"/>
      <c r="J11" s="164"/>
      <c r="K11" s="164"/>
      <c r="L11" s="164"/>
      <c r="M11" s="164"/>
      <c r="N11" s="164"/>
      <c r="O11" s="164"/>
      <c r="P11" s="164"/>
      <c r="Q11" s="164"/>
      <c r="R11" s="164"/>
      <c r="S11" s="164"/>
      <c r="T11" s="164"/>
      <c r="U11" s="164"/>
      <c r="V11" s="164"/>
      <c r="W11" s="164"/>
      <c r="X11" s="164"/>
      <c r="Y11" s="164"/>
      <c r="Z11" s="164"/>
      <c r="AA11" s="164"/>
      <c r="AB11" s="164"/>
      <c r="AC11" s="164"/>
      <c r="AD11" s="164"/>
      <c r="AE11" s="164"/>
      <c r="AF11" s="164"/>
      <c r="AG11" s="164"/>
      <c r="AH11" s="164"/>
      <c r="AI11" s="164"/>
      <c r="AJ11" s="165"/>
      <c r="AR11" s="156" t="s">
        <v>30</v>
      </c>
      <c r="AS11" s="157"/>
      <c r="AT11" s="157"/>
      <c r="AU11" s="157"/>
      <c r="AV11" s="157"/>
      <c r="AW11" s="9" t="s">
        <v>45</v>
      </c>
      <c r="AX11" s="6"/>
      <c r="AY11" s="6"/>
      <c r="AZ11" s="6"/>
      <c r="BA11" s="6"/>
      <c r="BB11" s="6"/>
      <c r="BC11" s="6"/>
      <c r="BD11" s="6"/>
      <c r="BE11" s="6"/>
      <c r="BF11" s="6"/>
      <c r="BG11" s="6"/>
      <c r="BH11" s="6"/>
      <c r="BI11" s="6"/>
      <c r="BJ11" s="6"/>
      <c r="BK11" s="6"/>
      <c r="BL11" s="6"/>
      <c r="BM11" s="6"/>
      <c r="BN11" s="6"/>
      <c r="BO11" s="6"/>
      <c r="BP11" s="6"/>
      <c r="BQ11" s="6"/>
      <c r="BR11" s="6"/>
      <c r="BS11" s="6"/>
      <c r="BT11" s="6"/>
      <c r="BU11" s="6"/>
      <c r="BV11" s="6"/>
      <c r="BW11" s="6"/>
      <c r="BX11" s="7"/>
    </row>
    <row r="12" spans="4:76" ht="35.1" customHeight="1">
      <c r="D12" s="152" t="s">
        <v>29</v>
      </c>
      <c r="E12" s="153"/>
      <c r="F12" s="153"/>
      <c r="G12" s="153"/>
      <c r="H12" s="153"/>
      <c r="I12" s="146"/>
      <c r="J12" s="147"/>
      <c r="K12" s="147"/>
      <c r="L12" s="147"/>
      <c r="M12" s="147"/>
      <c r="N12" s="147"/>
      <c r="O12" s="147"/>
      <c r="P12" s="147"/>
      <c r="Q12" s="147"/>
      <c r="R12" s="147"/>
      <c r="S12" s="147"/>
      <c r="T12" s="147"/>
      <c r="U12" s="147"/>
      <c r="V12" s="147"/>
      <c r="W12" s="147"/>
      <c r="X12" s="147"/>
      <c r="Y12" s="147"/>
      <c r="Z12" s="147"/>
      <c r="AA12" s="147"/>
      <c r="AB12" s="147"/>
      <c r="AC12" s="147"/>
      <c r="AD12" s="147"/>
      <c r="AE12" s="147"/>
      <c r="AF12" s="147"/>
      <c r="AG12" s="147"/>
      <c r="AH12" s="147"/>
      <c r="AI12" s="147"/>
      <c r="AJ12" s="148"/>
      <c r="AR12" s="152" t="s">
        <v>29</v>
      </c>
      <c r="AS12" s="153"/>
      <c r="AT12" s="153"/>
      <c r="AU12" s="153"/>
      <c r="AV12" s="153"/>
      <c r="AW12" s="146" t="s">
        <v>41</v>
      </c>
      <c r="AX12" s="147"/>
      <c r="AY12" s="147"/>
      <c r="AZ12" s="147"/>
      <c r="BA12" s="147"/>
      <c r="BB12" s="147"/>
      <c r="BC12" s="147"/>
      <c r="BD12" s="147"/>
      <c r="BE12" s="147"/>
      <c r="BF12" s="147"/>
      <c r="BG12" s="147"/>
      <c r="BH12" s="147"/>
      <c r="BI12" s="147"/>
      <c r="BJ12" s="147"/>
      <c r="BK12" s="147"/>
      <c r="BL12" s="147"/>
      <c r="BM12" s="147"/>
      <c r="BN12" s="147"/>
      <c r="BO12" s="147"/>
      <c r="BP12" s="147"/>
      <c r="BQ12" s="147"/>
      <c r="BR12" s="147"/>
      <c r="BS12" s="147"/>
      <c r="BT12" s="147"/>
      <c r="BU12" s="147"/>
      <c r="BV12" s="147"/>
      <c r="BW12" s="147"/>
      <c r="BX12" s="148"/>
    </row>
    <row r="13" spans="4:76" ht="20.100000000000001" customHeight="1">
      <c r="D13" s="139" t="s">
        <v>27</v>
      </c>
      <c r="E13" s="140"/>
      <c r="F13" s="140"/>
      <c r="G13" s="140"/>
      <c r="H13" s="140"/>
      <c r="I13" s="141"/>
      <c r="J13" s="141"/>
      <c r="K13" s="141"/>
      <c r="L13" s="141"/>
      <c r="M13" s="141"/>
      <c r="N13" s="141"/>
      <c r="O13" s="141"/>
      <c r="P13" s="141"/>
      <c r="Q13" s="141"/>
      <c r="R13" s="141"/>
      <c r="S13" s="141"/>
      <c r="T13" s="141"/>
      <c r="U13" s="141"/>
      <c r="V13" s="141"/>
      <c r="W13" s="141"/>
      <c r="X13" s="141"/>
      <c r="Y13" s="141"/>
      <c r="Z13" s="141"/>
      <c r="AA13" s="141"/>
      <c r="AB13" s="141"/>
      <c r="AC13" s="141"/>
      <c r="AD13" s="141"/>
      <c r="AE13" s="141"/>
      <c r="AF13" s="141"/>
      <c r="AG13" s="141"/>
      <c r="AH13" s="141"/>
      <c r="AI13" s="141"/>
      <c r="AJ13" s="142"/>
      <c r="AR13" s="139" t="s">
        <v>27</v>
      </c>
      <c r="AS13" s="140"/>
      <c r="AT13" s="140"/>
      <c r="AU13" s="140"/>
      <c r="AV13" s="140"/>
      <c r="AW13" s="141" t="s">
        <v>42</v>
      </c>
      <c r="AX13" s="141"/>
      <c r="AY13" s="141"/>
      <c r="AZ13" s="141"/>
      <c r="BA13" s="141"/>
      <c r="BB13" s="141"/>
      <c r="BC13" s="141"/>
      <c r="BD13" s="141"/>
      <c r="BE13" s="141"/>
      <c r="BF13" s="141"/>
      <c r="BG13" s="141"/>
      <c r="BH13" s="141"/>
      <c r="BI13" s="141"/>
      <c r="BJ13" s="141"/>
      <c r="BK13" s="141"/>
      <c r="BL13" s="141"/>
      <c r="BM13" s="141"/>
      <c r="BN13" s="141"/>
      <c r="BO13" s="141"/>
      <c r="BP13" s="141"/>
      <c r="BQ13" s="141"/>
      <c r="BR13" s="141"/>
      <c r="BS13" s="141"/>
      <c r="BT13" s="141"/>
      <c r="BU13" s="141"/>
      <c r="BV13" s="141"/>
      <c r="BW13" s="141"/>
      <c r="BX13" s="142"/>
    </row>
    <row r="14" spans="4:76" ht="20.100000000000001" customHeight="1">
      <c r="D14" s="139" t="s">
        <v>28</v>
      </c>
      <c r="E14" s="140"/>
      <c r="F14" s="140"/>
      <c r="G14" s="140"/>
      <c r="H14" s="140"/>
      <c r="I14" s="141"/>
      <c r="J14" s="141"/>
      <c r="K14" s="141"/>
      <c r="L14" s="141"/>
      <c r="M14" s="141"/>
      <c r="N14" s="141"/>
      <c r="O14" s="141"/>
      <c r="P14" s="141"/>
      <c r="Q14" s="141"/>
      <c r="R14" s="141"/>
      <c r="S14" s="141"/>
      <c r="T14" s="141"/>
      <c r="U14" s="141"/>
      <c r="V14" s="141"/>
      <c r="W14" s="141"/>
      <c r="X14" s="141"/>
      <c r="Y14" s="141"/>
      <c r="Z14" s="141"/>
      <c r="AA14" s="141"/>
      <c r="AB14" s="141"/>
      <c r="AC14" s="141"/>
      <c r="AD14" s="141"/>
      <c r="AE14" s="141"/>
      <c r="AF14" s="141"/>
      <c r="AG14" s="141"/>
      <c r="AH14" s="141"/>
      <c r="AI14" s="141"/>
      <c r="AJ14" s="142"/>
      <c r="AR14" s="139" t="s">
        <v>28</v>
      </c>
      <c r="AS14" s="140"/>
      <c r="AT14" s="140"/>
      <c r="AU14" s="140"/>
      <c r="AV14" s="140"/>
      <c r="AW14" s="141" t="s">
        <v>43</v>
      </c>
      <c r="AX14" s="141"/>
      <c r="AY14" s="141"/>
      <c r="AZ14" s="141"/>
      <c r="BA14" s="141"/>
      <c r="BB14" s="141"/>
      <c r="BC14" s="141"/>
      <c r="BD14" s="141"/>
      <c r="BE14" s="141"/>
      <c r="BF14" s="141"/>
      <c r="BG14" s="141"/>
      <c r="BH14" s="141"/>
      <c r="BI14" s="141"/>
      <c r="BJ14" s="141"/>
      <c r="BK14" s="141"/>
      <c r="BL14" s="141"/>
      <c r="BM14" s="141"/>
      <c r="BN14" s="141"/>
      <c r="BO14" s="141"/>
      <c r="BP14" s="141"/>
      <c r="BQ14" s="141"/>
      <c r="BR14" s="141"/>
      <c r="BS14" s="141"/>
      <c r="BT14" s="141"/>
      <c r="BU14" s="141"/>
      <c r="BV14" s="141"/>
      <c r="BW14" s="141"/>
      <c r="BX14" s="142"/>
    </row>
    <row r="15" spans="4:76" ht="9.9" customHeight="1">
      <c r="D15" s="10"/>
      <c r="E15" s="10"/>
      <c r="F15" s="10"/>
      <c r="G15" s="10"/>
      <c r="H15" s="10"/>
      <c r="I15" s="8"/>
      <c r="J15" s="8"/>
      <c r="K15" s="8"/>
      <c r="L15" s="8"/>
      <c r="M15" s="8"/>
      <c r="N15" s="8"/>
      <c r="O15" s="8"/>
      <c r="P15" s="8"/>
      <c r="Q15" s="8"/>
      <c r="R15" s="8"/>
      <c r="S15" s="8"/>
      <c r="T15" s="8"/>
      <c r="U15" s="8"/>
      <c r="V15" s="8"/>
      <c r="W15" s="8"/>
      <c r="X15" s="8"/>
      <c r="Y15" s="8"/>
      <c r="Z15" s="8"/>
      <c r="AA15" s="8"/>
      <c r="AB15" s="8"/>
      <c r="AC15" s="8"/>
      <c r="AD15" s="8"/>
      <c r="AE15" s="8"/>
      <c r="AF15" s="8"/>
      <c r="AG15" s="8"/>
      <c r="AH15" s="8"/>
      <c r="AI15" s="8"/>
      <c r="AJ15" s="8"/>
      <c r="AR15" s="10"/>
      <c r="AS15" s="10"/>
      <c r="AT15" s="10"/>
      <c r="AU15" s="10"/>
      <c r="AV15" s="10"/>
      <c r="AW15" s="8"/>
      <c r="AX15" s="8"/>
      <c r="AY15" s="8"/>
      <c r="AZ15" s="8"/>
      <c r="BA15" s="8"/>
      <c r="BB15" s="8"/>
      <c r="BC15" s="8"/>
      <c r="BD15" s="8"/>
      <c r="BE15" s="8"/>
      <c r="BF15" s="8"/>
      <c r="BG15" s="8"/>
      <c r="BH15" s="8"/>
      <c r="BI15" s="8"/>
      <c r="BJ15" s="8"/>
      <c r="BK15" s="8"/>
      <c r="BL15" s="8"/>
      <c r="BM15" s="8"/>
      <c r="BN15" s="8"/>
      <c r="BO15" s="8"/>
      <c r="BP15" s="8"/>
      <c r="BQ15" s="8"/>
      <c r="BR15" s="8"/>
      <c r="BS15" s="8"/>
      <c r="BT15" s="8"/>
      <c r="BU15" s="8"/>
      <c r="BV15" s="8"/>
      <c r="BW15" s="8"/>
      <c r="BX15" s="8"/>
    </row>
    <row r="16" spans="4:76" ht="24.9" customHeight="1">
      <c r="D16" s="12" t="s">
        <v>35</v>
      </c>
      <c r="AR16" s="12" t="s">
        <v>35</v>
      </c>
    </row>
    <row r="17" spans="1:76" ht="24.9" customHeight="1">
      <c r="D17" s="139" t="s">
        <v>5</v>
      </c>
      <c r="E17" s="140"/>
      <c r="F17" s="140"/>
      <c r="G17" s="140"/>
      <c r="H17" s="140"/>
      <c r="I17" s="143"/>
      <c r="J17" s="144"/>
      <c r="K17" s="144"/>
      <c r="L17" s="144"/>
      <c r="M17" s="144"/>
      <c r="N17" s="144"/>
      <c r="O17" s="144"/>
      <c r="P17" s="144"/>
      <c r="Q17" s="144"/>
      <c r="R17" s="144"/>
      <c r="S17" s="144"/>
      <c r="T17" s="144"/>
      <c r="U17" s="144"/>
      <c r="V17" s="144"/>
      <c r="W17" s="144"/>
      <c r="X17" s="144"/>
      <c r="Y17" s="144"/>
      <c r="Z17" s="144"/>
      <c r="AA17" s="144"/>
      <c r="AB17" s="144"/>
      <c r="AC17" s="144"/>
      <c r="AD17" s="144"/>
      <c r="AE17" s="144"/>
      <c r="AF17" s="144"/>
      <c r="AG17" s="144"/>
      <c r="AH17" s="144"/>
      <c r="AI17" s="144"/>
      <c r="AJ17" s="145"/>
      <c r="AR17" s="139" t="s">
        <v>5</v>
      </c>
      <c r="AS17" s="140"/>
      <c r="AT17" s="140"/>
      <c r="AU17" s="140"/>
      <c r="AV17" s="140"/>
      <c r="AW17" s="143" t="s">
        <v>44</v>
      </c>
      <c r="AX17" s="144"/>
      <c r="AY17" s="144"/>
      <c r="AZ17" s="144"/>
      <c r="BA17" s="144"/>
      <c r="BB17" s="144"/>
      <c r="BC17" s="144"/>
      <c r="BD17" s="144"/>
      <c r="BE17" s="144"/>
      <c r="BF17" s="144"/>
      <c r="BG17" s="144"/>
      <c r="BH17" s="144"/>
      <c r="BI17" s="144"/>
      <c r="BJ17" s="144"/>
      <c r="BK17" s="144"/>
      <c r="BL17" s="144"/>
      <c r="BM17" s="144"/>
      <c r="BN17" s="144"/>
      <c r="BO17" s="144"/>
      <c r="BP17" s="144"/>
      <c r="BQ17" s="144"/>
      <c r="BR17" s="144"/>
      <c r="BS17" s="144"/>
      <c r="BT17" s="144"/>
      <c r="BU17" s="144"/>
      <c r="BV17" s="144"/>
      <c r="BW17" s="144"/>
      <c r="BX17" s="145"/>
    </row>
    <row r="18" spans="1:76" ht="20.100000000000001" customHeight="1">
      <c r="D18" s="156" t="s">
        <v>26</v>
      </c>
      <c r="E18" s="157"/>
      <c r="F18" s="157"/>
      <c r="G18" s="157"/>
      <c r="H18" s="157"/>
      <c r="I18" s="149"/>
      <c r="J18" s="150"/>
      <c r="K18" s="150"/>
      <c r="L18" s="150"/>
      <c r="M18" s="150"/>
      <c r="N18" s="150"/>
      <c r="O18" s="150"/>
      <c r="P18" s="150"/>
      <c r="Q18" s="150"/>
      <c r="R18" s="150"/>
      <c r="S18" s="150"/>
      <c r="T18" s="150"/>
      <c r="U18" s="150"/>
      <c r="V18" s="150"/>
      <c r="W18" s="150"/>
      <c r="X18" s="150"/>
      <c r="Y18" s="150"/>
      <c r="Z18" s="150"/>
      <c r="AA18" s="150"/>
      <c r="AB18" s="150"/>
      <c r="AC18" s="150"/>
      <c r="AD18" s="150"/>
      <c r="AE18" s="150"/>
      <c r="AF18" s="150"/>
      <c r="AG18" s="150"/>
      <c r="AH18" s="150"/>
      <c r="AI18" s="150"/>
      <c r="AJ18" s="151"/>
      <c r="AR18" s="156" t="s">
        <v>26</v>
      </c>
      <c r="AS18" s="157"/>
      <c r="AT18" s="157"/>
      <c r="AU18" s="157"/>
      <c r="AV18" s="157"/>
      <c r="AW18" s="149" t="s">
        <v>39</v>
      </c>
      <c r="AX18" s="150"/>
      <c r="AY18" s="150"/>
      <c r="AZ18" s="150"/>
      <c r="BA18" s="150"/>
      <c r="BB18" s="150"/>
      <c r="BC18" s="150"/>
      <c r="BD18" s="150"/>
      <c r="BE18" s="150"/>
      <c r="BF18" s="150"/>
      <c r="BG18" s="150"/>
      <c r="BH18" s="150"/>
      <c r="BI18" s="150"/>
      <c r="BJ18" s="150"/>
      <c r="BK18" s="150"/>
      <c r="BL18" s="150"/>
      <c r="BM18" s="150"/>
      <c r="BN18" s="150"/>
      <c r="BO18" s="150"/>
      <c r="BP18" s="150"/>
      <c r="BQ18" s="150"/>
      <c r="BR18" s="150"/>
      <c r="BS18" s="150"/>
      <c r="BT18" s="150"/>
      <c r="BU18" s="150"/>
      <c r="BV18" s="150"/>
      <c r="BW18" s="150"/>
      <c r="BX18" s="151"/>
    </row>
    <row r="19" spans="1:76" ht="35.1" customHeight="1">
      <c r="D19" s="152" t="s">
        <v>33</v>
      </c>
      <c r="E19" s="153"/>
      <c r="F19" s="153"/>
      <c r="G19" s="153"/>
      <c r="H19" s="153"/>
      <c r="I19" s="146"/>
      <c r="J19" s="147"/>
      <c r="K19" s="147"/>
      <c r="L19" s="147"/>
      <c r="M19" s="147"/>
      <c r="N19" s="147"/>
      <c r="O19" s="147"/>
      <c r="P19" s="147"/>
      <c r="Q19" s="147"/>
      <c r="R19" s="147"/>
      <c r="S19" s="147"/>
      <c r="T19" s="147"/>
      <c r="U19" s="147"/>
      <c r="V19" s="147"/>
      <c r="W19" s="147"/>
      <c r="X19" s="147"/>
      <c r="Y19" s="147"/>
      <c r="Z19" s="147"/>
      <c r="AA19" s="147"/>
      <c r="AB19" s="147"/>
      <c r="AC19" s="147"/>
      <c r="AD19" s="147"/>
      <c r="AE19" s="147"/>
      <c r="AF19" s="147"/>
      <c r="AG19" s="147"/>
      <c r="AH19" s="147"/>
      <c r="AI19" s="147"/>
      <c r="AJ19" s="148"/>
      <c r="AR19" s="152" t="s">
        <v>33</v>
      </c>
      <c r="AS19" s="153"/>
      <c r="AT19" s="153"/>
      <c r="AU19" s="153"/>
      <c r="AV19" s="153"/>
      <c r="AW19" s="154" t="s">
        <v>40</v>
      </c>
      <c r="AX19" s="154"/>
      <c r="AY19" s="154"/>
      <c r="AZ19" s="154"/>
      <c r="BA19" s="154"/>
      <c r="BB19" s="154"/>
      <c r="BC19" s="154"/>
      <c r="BD19" s="154"/>
      <c r="BE19" s="154"/>
      <c r="BF19" s="154"/>
      <c r="BG19" s="154"/>
      <c r="BH19" s="154"/>
      <c r="BI19" s="154"/>
      <c r="BJ19" s="154"/>
      <c r="BK19" s="154"/>
      <c r="BL19" s="154"/>
      <c r="BM19" s="154"/>
      <c r="BN19" s="154"/>
      <c r="BO19" s="154"/>
      <c r="BP19" s="154"/>
      <c r="BQ19" s="154"/>
      <c r="BR19" s="154"/>
      <c r="BS19" s="154"/>
      <c r="BT19" s="154"/>
      <c r="BU19" s="154"/>
      <c r="BV19" s="154"/>
      <c r="BW19" s="154"/>
      <c r="BX19" s="155"/>
    </row>
    <row r="20" spans="1:76" ht="15" customHeight="1">
      <c r="D20" s="156" t="s">
        <v>30</v>
      </c>
      <c r="E20" s="157"/>
      <c r="F20" s="157"/>
      <c r="G20" s="157"/>
      <c r="H20" s="157"/>
      <c r="I20" s="149"/>
      <c r="J20" s="150"/>
      <c r="K20" s="150"/>
      <c r="L20" s="150"/>
      <c r="M20" s="150"/>
      <c r="N20" s="150"/>
      <c r="O20" s="150"/>
      <c r="P20" s="150"/>
      <c r="Q20" s="150"/>
      <c r="R20" s="150"/>
      <c r="S20" s="150"/>
      <c r="T20" s="150"/>
      <c r="U20" s="150"/>
      <c r="V20" s="150"/>
      <c r="W20" s="150"/>
      <c r="X20" s="150"/>
      <c r="Y20" s="150"/>
      <c r="Z20" s="150"/>
      <c r="AA20" s="150"/>
      <c r="AB20" s="150"/>
      <c r="AC20" s="150"/>
      <c r="AD20" s="150"/>
      <c r="AE20" s="150"/>
      <c r="AF20" s="150"/>
      <c r="AG20" s="150"/>
      <c r="AH20" s="150"/>
      <c r="AI20" s="150"/>
      <c r="AJ20" s="151"/>
      <c r="AR20" s="156" t="s">
        <v>30</v>
      </c>
      <c r="AS20" s="157"/>
      <c r="AT20" s="157"/>
      <c r="AU20" s="157"/>
      <c r="AV20" s="157"/>
      <c r="AW20" s="9" t="s">
        <v>45</v>
      </c>
      <c r="AX20" s="6"/>
      <c r="AY20" s="6"/>
      <c r="AZ20" s="6"/>
      <c r="BA20" s="6"/>
      <c r="BB20" s="6"/>
      <c r="BC20" s="6"/>
      <c r="BD20" s="6"/>
      <c r="BE20" s="6"/>
      <c r="BF20" s="6"/>
      <c r="BG20" s="6"/>
      <c r="BH20" s="6"/>
      <c r="BI20" s="6"/>
      <c r="BJ20" s="6"/>
      <c r="BK20" s="6"/>
      <c r="BL20" s="6"/>
      <c r="BM20" s="6"/>
      <c r="BN20" s="6"/>
      <c r="BO20" s="6"/>
      <c r="BP20" s="6"/>
      <c r="BQ20" s="6"/>
      <c r="BR20" s="6"/>
      <c r="BS20" s="6"/>
      <c r="BT20" s="6"/>
      <c r="BU20" s="6"/>
      <c r="BV20" s="6"/>
      <c r="BW20" s="6"/>
      <c r="BX20" s="7"/>
    </row>
    <row r="21" spans="1:76" ht="35.1" customHeight="1">
      <c r="D21" s="152" t="s">
        <v>31</v>
      </c>
      <c r="E21" s="153"/>
      <c r="F21" s="153"/>
      <c r="G21" s="153"/>
      <c r="H21" s="153"/>
      <c r="I21" s="146"/>
      <c r="J21" s="147"/>
      <c r="K21" s="147"/>
      <c r="L21" s="147"/>
      <c r="M21" s="147"/>
      <c r="N21" s="147"/>
      <c r="O21" s="147"/>
      <c r="P21" s="147"/>
      <c r="Q21" s="147"/>
      <c r="R21" s="147"/>
      <c r="S21" s="147"/>
      <c r="T21" s="147"/>
      <c r="U21" s="147"/>
      <c r="V21" s="147"/>
      <c r="W21" s="147"/>
      <c r="X21" s="147"/>
      <c r="Y21" s="147"/>
      <c r="Z21" s="147"/>
      <c r="AA21" s="147"/>
      <c r="AB21" s="147"/>
      <c r="AC21" s="147"/>
      <c r="AD21" s="147"/>
      <c r="AE21" s="147"/>
      <c r="AF21" s="147"/>
      <c r="AG21" s="147"/>
      <c r="AH21" s="147"/>
      <c r="AI21" s="147"/>
      <c r="AJ21" s="148"/>
      <c r="AR21" s="152" t="s">
        <v>31</v>
      </c>
      <c r="AS21" s="153"/>
      <c r="AT21" s="153"/>
      <c r="AU21" s="153"/>
      <c r="AV21" s="153"/>
      <c r="AW21" s="146" t="s">
        <v>41</v>
      </c>
      <c r="AX21" s="147"/>
      <c r="AY21" s="147"/>
      <c r="AZ21" s="147"/>
      <c r="BA21" s="147"/>
      <c r="BB21" s="147"/>
      <c r="BC21" s="147"/>
      <c r="BD21" s="147"/>
      <c r="BE21" s="147"/>
      <c r="BF21" s="147"/>
      <c r="BG21" s="147"/>
      <c r="BH21" s="147"/>
      <c r="BI21" s="147"/>
      <c r="BJ21" s="147"/>
      <c r="BK21" s="147"/>
      <c r="BL21" s="147"/>
      <c r="BM21" s="147"/>
      <c r="BN21" s="147"/>
      <c r="BO21" s="147"/>
      <c r="BP21" s="147"/>
      <c r="BQ21" s="147"/>
      <c r="BR21" s="147"/>
      <c r="BS21" s="147"/>
      <c r="BT21" s="147"/>
      <c r="BU21" s="147"/>
      <c r="BV21" s="147"/>
      <c r="BW21" s="147"/>
      <c r="BX21" s="148"/>
    </row>
    <row r="22" spans="1:76" ht="20.100000000000001" customHeight="1">
      <c r="D22" s="139" t="s">
        <v>27</v>
      </c>
      <c r="E22" s="140"/>
      <c r="F22" s="140"/>
      <c r="G22" s="140"/>
      <c r="H22" s="140"/>
      <c r="I22" s="143"/>
      <c r="J22" s="144"/>
      <c r="K22" s="144"/>
      <c r="L22" s="144"/>
      <c r="M22" s="144"/>
      <c r="N22" s="144"/>
      <c r="O22" s="144"/>
      <c r="P22" s="144"/>
      <c r="Q22" s="144"/>
      <c r="R22" s="144"/>
      <c r="S22" s="144"/>
      <c r="T22" s="144"/>
      <c r="U22" s="144"/>
      <c r="V22" s="144"/>
      <c r="W22" s="144"/>
      <c r="X22" s="144"/>
      <c r="Y22" s="144"/>
      <c r="Z22" s="144"/>
      <c r="AA22" s="144"/>
      <c r="AB22" s="144"/>
      <c r="AC22" s="144"/>
      <c r="AD22" s="144"/>
      <c r="AE22" s="144"/>
      <c r="AF22" s="144"/>
      <c r="AG22" s="144"/>
      <c r="AH22" s="144"/>
      <c r="AI22" s="144"/>
      <c r="AJ22" s="145"/>
      <c r="AR22" s="139" t="s">
        <v>27</v>
      </c>
      <c r="AS22" s="140"/>
      <c r="AT22" s="140"/>
      <c r="AU22" s="140"/>
      <c r="AV22" s="140"/>
      <c r="AW22" s="141" t="s">
        <v>42</v>
      </c>
      <c r="AX22" s="141"/>
      <c r="AY22" s="141"/>
      <c r="AZ22" s="141"/>
      <c r="BA22" s="141"/>
      <c r="BB22" s="141"/>
      <c r="BC22" s="141"/>
      <c r="BD22" s="141"/>
      <c r="BE22" s="141"/>
      <c r="BF22" s="141"/>
      <c r="BG22" s="141"/>
      <c r="BH22" s="141"/>
      <c r="BI22" s="141"/>
      <c r="BJ22" s="141"/>
      <c r="BK22" s="141"/>
      <c r="BL22" s="141"/>
      <c r="BM22" s="141"/>
      <c r="BN22" s="141"/>
      <c r="BO22" s="141"/>
      <c r="BP22" s="141"/>
      <c r="BQ22" s="141"/>
      <c r="BR22" s="141"/>
      <c r="BS22" s="141"/>
      <c r="BT22" s="141"/>
      <c r="BU22" s="141"/>
      <c r="BV22" s="141"/>
      <c r="BW22" s="141"/>
      <c r="BX22" s="142"/>
    </row>
    <row r="23" spans="1:76" ht="20.100000000000001" customHeight="1">
      <c r="D23" s="139" t="s">
        <v>28</v>
      </c>
      <c r="E23" s="140"/>
      <c r="F23" s="140"/>
      <c r="G23" s="140"/>
      <c r="H23" s="140"/>
      <c r="I23" s="143"/>
      <c r="J23" s="144"/>
      <c r="K23" s="144"/>
      <c r="L23" s="144"/>
      <c r="M23" s="144"/>
      <c r="N23" s="144"/>
      <c r="O23" s="144"/>
      <c r="P23" s="144"/>
      <c r="Q23" s="144"/>
      <c r="R23" s="144"/>
      <c r="S23" s="144"/>
      <c r="T23" s="144"/>
      <c r="U23" s="144"/>
      <c r="V23" s="144"/>
      <c r="W23" s="144"/>
      <c r="X23" s="144"/>
      <c r="Y23" s="144"/>
      <c r="Z23" s="144"/>
      <c r="AA23" s="144"/>
      <c r="AB23" s="144"/>
      <c r="AC23" s="144"/>
      <c r="AD23" s="144"/>
      <c r="AE23" s="144"/>
      <c r="AF23" s="144"/>
      <c r="AG23" s="144"/>
      <c r="AH23" s="144"/>
      <c r="AI23" s="144"/>
      <c r="AJ23" s="145"/>
      <c r="AR23" s="139" t="s">
        <v>28</v>
      </c>
      <c r="AS23" s="140"/>
      <c r="AT23" s="140"/>
      <c r="AU23" s="140"/>
      <c r="AV23" s="140"/>
      <c r="AW23" s="141" t="s">
        <v>43</v>
      </c>
      <c r="AX23" s="141"/>
      <c r="AY23" s="141"/>
      <c r="AZ23" s="141"/>
      <c r="BA23" s="141"/>
      <c r="BB23" s="141"/>
      <c r="BC23" s="141"/>
      <c r="BD23" s="141"/>
      <c r="BE23" s="141"/>
      <c r="BF23" s="141"/>
      <c r="BG23" s="141"/>
      <c r="BH23" s="141"/>
      <c r="BI23" s="141"/>
      <c r="BJ23" s="141"/>
      <c r="BK23" s="141"/>
      <c r="BL23" s="141"/>
      <c r="BM23" s="141"/>
      <c r="BN23" s="141"/>
      <c r="BO23" s="141"/>
      <c r="BP23" s="141"/>
      <c r="BQ23" s="141"/>
      <c r="BR23" s="141"/>
      <c r="BS23" s="141"/>
      <c r="BT23" s="141"/>
      <c r="BU23" s="141"/>
      <c r="BV23" s="141"/>
      <c r="BW23" s="141"/>
      <c r="BX23" s="142"/>
    </row>
    <row r="24" spans="1:76" ht="9.9" customHeight="1"/>
    <row r="25" spans="1:76" ht="24.9" customHeight="1">
      <c r="D25" s="12" t="s">
        <v>34</v>
      </c>
      <c r="AR25" s="12" t="s">
        <v>34</v>
      </c>
    </row>
    <row r="26" spans="1:76" ht="35.1" customHeight="1">
      <c r="D26" s="139" t="s">
        <v>32</v>
      </c>
      <c r="E26" s="140"/>
      <c r="F26" s="140"/>
      <c r="G26" s="140"/>
      <c r="H26" s="140"/>
      <c r="I26" s="143"/>
      <c r="J26" s="144"/>
      <c r="K26" s="144"/>
      <c r="L26" s="144"/>
      <c r="M26" s="144"/>
      <c r="N26" s="144"/>
      <c r="O26" s="144"/>
      <c r="P26" s="144"/>
      <c r="Q26" s="144"/>
      <c r="R26" s="144"/>
      <c r="S26" s="144"/>
      <c r="T26" s="144"/>
      <c r="U26" s="144"/>
      <c r="V26" s="144"/>
      <c r="W26" s="144"/>
      <c r="X26" s="144"/>
      <c r="Y26" s="144"/>
      <c r="Z26" s="144"/>
      <c r="AA26" s="144"/>
      <c r="AB26" s="144"/>
      <c r="AC26" s="144"/>
      <c r="AD26" s="144"/>
      <c r="AE26" s="144"/>
      <c r="AF26" s="144"/>
      <c r="AG26" s="144"/>
      <c r="AH26" s="144"/>
      <c r="AI26" s="144"/>
      <c r="AJ26" s="145"/>
      <c r="AR26" s="139" t="s">
        <v>32</v>
      </c>
      <c r="AS26" s="140"/>
      <c r="AT26" s="140"/>
      <c r="AU26" s="140"/>
      <c r="AV26" s="140"/>
      <c r="AW26" s="143" t="s">
        <v>41</v>
      </c>
      <c r="AX26" s="144"/>
      <c r="AY26" s="144"/>
      <c r="AZ26" s="144"/>
      <c r="BA26" s="144"/>
      <c r="BB26" s="144"/>
      <c r="BC26" s="144"/>
      <c r="BD26" s="144"/>
      <c r="BE26" s="144"/>
      <c r="BF26" s="144"/>
      <c r="BG26" s="144"/>
      <c r="BH26" s="144"/>
      <c r="BI26" s="144"/>
      <c r="BJ26" s="144"/>
      <c r="BK26" s="144"/>
      <c r="BL26" s="144"/>
      <c r="BM26" s="144"/>
      <c r="BN26" s="144"/>
      <c r="BO26" s="144"/>
      <c r="BP26" s="144"/>
      <c r="BQ26" s="144"/>
      <c r="BR26" s="144"/>
      <c r="BS26" s="144"/>
      <c r="BT26" s="144"/>
      <c r="BU26" s="144"/>
      <c r="BV26" s="144"/>
      <c r="BW26" s="144"/>
      <c r="BX26" s="145"/>
    </row>
    <row r="27" spans="1:76" ht="20.100000000000001" customHeight="1">
      <c r="D27" s="139" t="s">
        <v>27</v>
      </c>
      <c r="E27" s="140"/>
      <c r="F27" s="140"/>
      <c r="G27" s="140"/>
      <c r="H27" s="140"/>
      <c r="I27" s="143"/>
      <c r="J27" s="144"/>
      <c r="K27" s="144"/>
      <c r="L27" s="144"/>
      <c r="M27" s="144"/>
      <c r="N27" s="144"/>
      <c r="O27" s="144"/>
      <c r="P27" s="144"/>
      <c r="Q27" s="144"/>
      <c r="R27" s="144"/>
      <c r="S27" s="144"/>
      <c r="T27" s="144"/>
      <c r="U27" s="144"/>
      <c r="V27" s="144"/>
      <c r="W27" s="144"/>
      <c r="X27" s="144"/>
      <c r="Y27" s="144"/>
      <c r="Z27" s="144"/>
      <c r="AA27" s="144"/>
      <c r="AB27" s="144"/>
      <c r="AC27" s="144"/>
      <c r="AD27" s="144"/>
      <c r="AE27" s="144"/>
      <c r="AF27" s="144"/>
      <c r="AG27" s="144"/>
      <c r="AH27" s="144"/>
      <c r="AI27" s="144"/>
      <c r="AJ27" s="145"/>
      <c r="AR27" s="139" t="s">
        <v>27</v>
      </c>
      <c r="AS27" s="140"/>
      <c r="AT27" s="140"/>
      <c r="AU27" s="140"/>
      <c r="AV27" s="140"/>
      <c r="AW27" s="141" t="s">
        <v>42</v>
      </c>
      <c r="AX27" s="141"/>
      <c r="AY27" s="141"/>
      <c r="AZ27" s="141"/>
      <c r="BA27" s="141"/>
      <c r="BB27" s="141"/>
      <c r="BC27" s="141"/>
      <c r="BD27" s="141"/>
      <c r="BE27" s="141"/>
      <c r="BF27" s="141"/>
      <c r="BG27" s="141"/>
      <c r="BH27" s="141"/>
      <c r="BI27" s="141"/>
      <c r="BJ27" s="141"/>
      <c r="BK27" s="141"/>
      <c r="BL27" s="141"/>
      <c r="BM27" s="141"/>
      <c r="BN27" s="141"/>
      <c r="BO27" s="141"/>
      <c r="BP27" s="141"/>
      <c r="BQ27" s="141"/>
      <c r="BR27" s="141"/>
      <c r="BS27" s="141"/>
      <c r="BT27" s="141"/>
      <c r="BU27" s="141"/>
      <c r="BV27" s="141"/>
      <c r="BW27" s="141"/>
      <c r="BX27" s="142"/>
    </row>
    <row r="28" spans="1:76" ht="24.9" customHeight="1">
      <c r="D28" s="1" t="s">
        <v>75</v>
      </c>
      <c r="AR28" s="1" t="str">
        <f>D28</f>
        <v>※令和６年度から本票の審査業務を委託しています。</v>
      </c>
      <c r="AU28" s="31"/>
    </row>
    <row r="29" spans="1:76" ht="24.9" customHeight="1">
      <c r="A29" s="1" t="s">
        <v>72</v>
      </c>
    </row>
  </sheetData>
  <mergeCells count="71">
    <mergeCell ref="D7:H7"/>
    <mergeCell ref="I7:AJ7"/>
    <mergeCell ref="I8:AJ8"/>
    <mergeCell ref="D8:H8"/>
    <mergeCell ref="I9:AJ9"/>
    <mergeCell ref="I10:AJ10"/>
    <mergeCell ref="D9:H9"/>
    <mergeCell ref="D10:H10"/>
    <mergeCell ref="I11:AJ11"/>
    <mergeCell ref="I13:AJ13"/>
    <mergeCell ref="I18:AJ18"/>
    <mergeCell ref="D19:H19"/>
    <mergeCell ref="I19:AJ19"/>
    <mergeCell ref="I14:AJ14"/>
    <mergeCell ref="D11:H11"/>
    <mergeCell ref="D12:H12"/>
    <mergeCell ref="D13:H13"/>
    <mergeCell ref="D14:H14"/>
    <mergeCell ref="D26:H26"/>
    <mergeCell ref="D27:H27"/>
    <mergeCell ref="I27:AJ27"/>
    <mergeCell ref="I26:AH26"/>
    <mergeCell ref="AI26:AJ26"/>
    <mergeCell ref="AR7:AV7"/>
    <mergeCell ref="AR8:AV8"/>
    <mergeCell ref="AR10:AV10"/>
    <mergeCell ref="AR22:AV22"/>
    <mergeCell ref="D23:H23"/>
    <mergeCell ref="AR20:AV20"/>
    <mergeCell ref="I23:AJ23"/>
    <mergeCell ref="AI21:AJ21"/>
    <mergeCell ref="D22:H22"/>
    <mergeCell ref="D21:H21"/>
    <mergeCell ref="D20:H20"/>
    <mergeCell ref="I20:AJ20"/>
    <mergeCell ref="I22:AJ22"/>
    <mergeCell ref="D17:H17"/>
    <mergeCell ref="I17:AJ17"/>
    <mergeCell ref="D18:H18"/>
    <mergeCell ref="AW8:BX8"/>
    <mergeCell ref="I21:AH21"/>
    <mergeCell ref="I12:AH12"/>
    <mergeCell ref="AI12:AJ12"/>
    <mergeCell ref="AR11:AV11"/>
    <mergeCell ref="AR12:AV12"/>
    <mergeCell ref="AR18:AV18"/>
    <mergeCell ref="AR21:AV21"/>
    <mergeCell ref="AR9:AV9"/>
    <mergeCell ref="AW9:BX9"/>
    <mergeCell ref="AW10:BX10"/>
    <mergeCell ref="AW12:BV12"/>
    <mergeCell ref="BW12:BX12"/>
    <mergeCell ref="AR17:AV17"/>
    <mergeCell ref="AW17:BX17"/>
    <mergeCell ref="AR13:AV13"/>
    <mergeCell ref="AW13:BX13"/>
    <mergeCell ref="AR14:AV14"/>
    <mergeCell ref="AW14:BX14"/>
    <mergeCell ref="AW18:BX18"/>
    <mergeCell ref="AR19:AV19"/>
    <mergeCell ref="AW19:BX19"/>
    <mergeCell ref="AW21:BV21"/>
    <mergeCell ref="BW21:BX21"/>
    <mergeCell ref="AW22:BX22"/>
    <mergeCell ref="AR23:AV23"/>
    <mergeCell ref="AW23:BX23"/>
    <mergeCell ref="AR27:AV27"/>
    <mergeCell ref="AW27:BX27"/>
    <mergeCell ref="AR26:AV26"/>
    <mergeCell ref="AW26:BV26"/>
    <mergeCell ref="BW26:BX26"/>
  </mergeCells>
  <phoneticPr fontId="1"/>
  <printOptions horizontalCentered="1"/>
  <pageMargins left="0.78740157480314965" right="0.78740157480314965" top="0.78740157480314965" bottom="0.78740157480314965" header="0.51181102362204722" footer="0.51181102362204722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3377FF2-0D20-4514-AB60-85706DC213B2}">
  <sheetPr>
    <pageSetUpPr fitToPage="1"/>
  </sheetPr>
  <dimension ref="B1:L35"/>
  <sheetViews>
    <sheetView showGridLines="0" showZeros="0" topLeftCell="A12" zoomScaleNormal="100" workbookViewId="0">
      <selection activeCell="B30" sqref="B30"/>
    </sheetView>
  </sheetViews>
  <sheetFormatPr defaultColWidth="9" defaultRowHeight="16.5" customHeight="1"/>
  <cols>
    <col min="1" max="1" width="10.6640625" style="41" customWidth="1"/>
    <col min="2" max="2" width="6.5546875" style="63" customWidth="1"/>
    <col min="3" max="12" width="10.77734375" style="41" customWidth="1"/>
    <col min="13" max="13" width="6.33203125" style="41" customWidth="1"/>
    <col min="14" max="16384" width="9" style="41"/>
  </cols>
  <sheetData>
    <row r="1" spans="2:12" ht="16.5" customHeight="1">
      <c r="B1" s="39" t="s">
        <v>49</v>
      </c>
      <c r="C1" s="40"/>
      <c r="D1" s="40"/>
      <c r="E1" s="40"/>
      <c r="F1" s="40"/>
      <c r="I1" s="40"/>
      <c r="L1" s="42" t="str">
        <f>CONCATENATE(報告書表紙!$A$29,"　",報告書表紙!$I$8,"　",報告書表紙!$I$7)</f>
        <v>R8　　</v>
      </c>
    </row>
    <row r="2" spans="2:12" s="40" customFormat="1" ht="9.9" customHeight="1">
      <c r="B2" s="39"/>
    </row>
    <row r="3" spans="2:12" s="40" customFormat="1" ht="16.5" customHeight="1" thickBot="1">
      <c r="B3" s="43" t="s">
        <v>73</v>
      </c>
      <c r="E3" s="44" t="s">
        <v>74</v>
      </c>
    </row>
    <row r="4" spans="2:12" ht="33.6" customHeight="1">
      <c r="B4" s="66" t="s">
        <v>0</v>
      </c>
      <c r="C4" s="45" t="s">
        <v>54</v>
      </c>
      <c r="D4" s="45" t="s">
        <v>53</v>
      </c>
      <c r="E4" s="45" t="s">
        <v>55</v>
      </c>
      <c r="F4" s="45" t="s">
        <v>57</v>
      </c>
      <c r="G4" s="45" t="s">
        <v>58</v>
      </c>
      <c r="H4" s="46" t="s">
        <v>59</v>
      </c>
      <c r="I4" s="45" t="s">
        <v>77</v>
      </c>
      <c r="J4" s="45" t="s">
        <v>78</v>
      </c>
      <c r="K4" s="45" t="s">
        <v>79</v>
      </c>
      <c r="L4" s="47" t="s">
        <v>3</v>
      </c>
    </row>
    <row r="5" spans="2:12" ht="22.8" customHeight="1" thickBot="1">
      <c r="B5" s="48" t="s">
        <v>1</v>
      </c>
      <c r="C5" s="49">
        <f>SUM(C6:C14)</f>
        <v>0</v>
      </c>
      <c r="D5" s="49">
        <f t="shared" ref="D5:G5" si="0">SUM(D6:D14)</f>
        <v>0</v>
      </c>
      <c r="E5" s="49">
        <f t="shared" si="0"/>
        <v>0</v>
      </c>
      <c r="F5" s="49">
        <f t="shared" si="0"/>
        <v>0</v>
      </c>
      <c r="G5" s="49">
        <f t="shared" si="0"/>
        <v>0</v>
      </c>
      <c r="H5" s="50">
        <f>SUM(H6:H14)</f>
        <v>0</v>
      </c>
      <c r="I5" s="49">
        <f>SUM(I6:I14)</f>
        <v>0</v>
      </c>
      <c r="J5" s="49">
        <f>SUM(J6:J14)</f>
        <v>0</v>
      </c>
      <c r="K5" s="50">
        <f>SUM(K6:K14)</f>
        <v>0</v>
      </c>
      <c r="L5" s="51">
        <f>SUM(C5:K5)</f>
        <v>0</v>
      </c>
    </row>
    <row r="6" spans="2:12" ht="22.8" customHeight="1" thickTop="1">
      <c r="B6" s="135" t="s">
        <v>6</v>
      </c>
      <c r="C6" s="32"/>
      <c r="D6" s="32"/>
      <c r="E6" s="32"/>
      <c r="F6" s="32"/>
      <c r="G6" s="32"/>
      <c r="H6" s="32"/>
      <c r="I6" s="32"/>
      <c r="J6" s="32"/>
      <c r="K6" s="32"/>
      <c r="L6" s="52"/>
    </row>
    <row r="7" spans="2:12" ht="22.8" customHeight="1">
      <c r="B7" s="136">
        <v>1</v>
      </c>
      <c r="C7" s="15"/>
      <c r="D7" s="15"/>
      <c r="E7" s="15"/>
      <c r="F7" s="15"/>
      <c r="G7" s="15"/>
      <c r="H7" s="15"/>
      <c r="I7" s="15"/>
      <c r="J7" s="15"/>
      <c r="K7" s="15"/>
      <c r="L7" s="53"/>
    </row>
    <row r="8" spans="2:12" ht="22.8" customHeight="1">
      <c r="B8" s="137">
        <v>2</v>
      </c>
      <c r="C8" s="33"/>
      <c r="D8" s="33"/>
      <c r="E8" s="33"/>
      <c r="F8" s="33"/>
      <c r="G8" s="33"/>
      <c r="H8" s="33"/>
      <c r="I8" s="33"/>
      <c r="J8" s="33"/>
      <c r="K8" s="33"/>
      <c r="L8" s="53"/>
    </row>
    <row r="9" spans="2:12" ht="22.8" customHeight="1">
      <c r="B9" s="137">
        <v>3</v>
      </c>
      <c r="C9" s="33"/>
      <c r="D9" s="33"/>
      <c r="E9" s="33"/>
      <c r="F9" s="33"/>
      <c r="G9" s="33"/>
      <c r="H9" s="33"/>
      <c r="I9" s="33"/>
      <c r="J9" s="33"/>
      <c r="K9" s="33"/>
      <c r="L9" s="53"/>
    </row>
    <row r="10" spans="2:12" ht="22.8" customHeight="1">
      <c r="B10" s="137">
        <v>4</v>
      </c>
      <c r="C10" s="33"/>
      <c r="D10" s="33"/>
      <c r="E10" s="33"/>
      <c r="F10" s="33"/>
      <c r="G10" s="33"/>
      <c r="H10" s="33"/>
      <c r="I10" s="33"/>
      <c r="J10" s="33"/>
      <c r="K10" s="33"/>
      <c r="L10" s="53"/>
    </row>
    <row r="11" spans="2:12" ht="22.8" customHeight="1">
      <c r="B11" s="137">
        <v>5</v>
      </c>
      <c r="C11" s="33"/>
      <c r="D11" s="33"/>
      <c r="E11" s="33"/>
      <c r="F11" s="33"/>
      <c r="G11" s="33"/>
      <c r="H11" s="33"/>
      <c r="I11" s="33"/>
      <c r="J11" s="33"/>
      <c r="K11" s="33"/>
      <c r="L11" s="53"/>
    </row>
    <row r="12" spans="2:12" ht="22.8" customHeight="1">
      <c r="B12" s="137">
        <v>6</v>
      </c>
      <c r="C12" s="33"/>
      <c r="D12" s="33"/>
      <c r="E12" s="33"/>
      <c r="F12" s="33"/>
      <c r="G12" s="33"/>
      <c r="H12" s="33"/>
      <c r="I12" s="33"/>
      <c r="J12" s="33"/>
      <c r="K12" s="33"/>
      <c r="L12" s="53"/>
    </row>
    <row r="13" spans="2:12" ht="22.8" customHeight="1">
      <c r="B13" s="137">
        <v>7</v>
      </c>
      <c r="C13" s="33"/>
      <c r="D13" s="33"/>
      <c r="E13" s="33"/>
      <c r="F13" s="33"/>
      <c r="G13" s="33"/>
      <c r="H13" s="33"/>
      <c r="I13" s="33"/>
      <c r="J13" s="33"/>
      <c r="K13" s="33"/>
      <c r="L13" s="53"/>
    </row>
    <row r="14" spans="2:12" ht="22.8" customHeight="1">
      <c r="B14" s="138">
        <v>8</v>
      </c>
      <c r="C14" s="32"/>
      <c r="D14" s="32"/>
      <c r="E14" s="32"/>
      <c r="F14" s="32"/>
      <c r="G14" s="32"/>
      <c r="H14" s="32"/>
      <c r="I14" s="32"/>
      <c r="J14" s="32"/>
      <c r="K14" s="32"/>
      <c r="L14" s="53"/>
    </row>
    <row r="16" spans="2:12" ht="16.5" customHeight="1">
      <c r="B16" s="166" t="s">
        <v>7</v>
      </c>
      <c r="C16" s="167"/>
    </row>
    <row r="17" spans="2:11" ht="16.5" customHeight="1">
      <c r="B17" s="54" t="s">
        <v>54</v>
      </c>
      <c r="C17" s="55">
        <f>COUNTIF(C7:C14,"&gt;0")</f>
        <v>0</v>
      </c>
    </row>
    <row r="18" spans="2:11" ht="16.5" customHeight="1">
      <c r="B18" s="54" t="s">
        <v>53</v>
      </c>
      <c r="C18" s="55">
        <f>COUNTIF(D7:D14,"&gt;0")</f>
        <v>0</v>
      </c>
    </row>
    <row r="19" spans="2:11" ht="16.5" customHeight="1">
      <c r="B19" s="56" t="s">
        <v>56</v>
      </c>
      <c r="C19" s="57">
        <f>COUNTIF(E7:E14,"&gt;0")</f>
        <v>0</v>
      </c>
    </row>
    <row r="20" spans="2:11" ht="16.5" customHeight="1">
      <c r="B20" s="56" t="s">
        <v>57</v>
      </c>
      <c r="C20" s="55">
        <f>COUNTIF(F7:F14,"&gt;0")</f>
        <v>0</v>
      </c>
    </row>
    <row r="21" spans="2:11" ht="16.5" customHeight="1">
      <c r="B21" s="56" t="s">
        <v>58</v>
      </c>
      <c r="C21" s="55">
        <f>COUNTIF(G7:G14,"&gt;0")</f>
        <v>0</v>
      </c>
    </row>
    <row r="22" spans="2:11" ht="16.5" customHeight="1">
      <c r="B22" s="56" t="s">
        <v>59</v>
      </c>
      <c r="C22" s="57">
        <f>COUNTIF(H7:H14,"&gt;0")</f>
        <v>0</v>
      </c>
    </row>
    <row r="23" spans="2:11" ht="16.5" customHeight="1">
      <c r="B23" s="54" t="s">
        <v>83</v>
      </c>
      <c r="C23" s="55">
        <f>COUNTIF(I7:I14,"&gt;0")</f>
        <v>0</v>
      </c>
    </row>
    <row r="24" spans="2:11" ht="16.5" customHeight="1">
      <c r="B24" s="54" t="s">
        <v>84</v>
      </c>
      <c r="C24" s="55">
        <f>COUNTIF(J7:J14,"&gt;0")</f>
        <v>0</v>
      </c>
    </row>
    <row r="25" spans="2:11" ht="16.5" customHeight="1" thickBot="1">
      <c r="B25" s="182" t="s">
        <v>85</v>
      </c>
      <c r="C25" s="183">
        <f>COUNTIF(K7:K14,"&gt;0")</f>
        <v>0</v>
      </c>
    </row>
    <row r="26" spans="2:11" ht="16.5" customHeight="1" thickTop="1">
      <c r="B26" s="58" t="s">
        <v>2</v>
      </c>
      <c r="C26" s="59">
        <f>SUM(C17:C25)</f>
        <v>0</v>
      </c>
    </row>
    <row r="28" spans="2:11" ht="16.5" customHeight="1">
      <c r="B28" s="60" t="s">
        <v>60</v>
      </c>
    </row>
    <row r="29" spans="2:11" ht="16.5" customHeight="1">
      <c r="B29" s="61" t="s">
        <v>61</v>
      </c>
      <c r="C29" s="166" t="s">
        <v>62</v>
      </c>
      <c r="D29" s="171"/>
      <c r="E29" s="171"/>
      <c r="F29" s="171"/>
      <c r="G29" s="171"/>
      <c r="H29" s="167"/>
      <c r="I29" s="134"/>
      <c r="J29" s="134"/>
      <c r="K29" s="134"/>
    </row>
    <row r="30" spans="2:11" ht="16.5" customHeight="1">
      <c r="B30" s="14"/>
      <c r="C30" s="168"/>
      <c r="D30" s="169"/>
      <c r="E30" s="169"/>
      <c r="F30" s="169"/>
      <c r="G30" s="169"/>
      <c r="H30" s="170"/>
      <c r="I30" s="40"/>
      <c r="J30" s="40"/>
      <c r="K30" s="40"/>
    </row>
    <row r="31" spans="2:11" ht="16.5" customHeight="1">
      <c r="B31" s="14"/>
      <c r="C31" s="168"/>
      <c r="D31" s="169"/>
      <c r="E31" s="169"/>
      <c r="F31" s="169"/>
      <c r="G31" s="169"/>
      <c r="H31" s="170"/>
      <c r="I31" s="40"/>
      <c r="J31" s="40"/>
      <c r="K31" s="40"/>
    </row>
    <row r="32" spans="2:11" ht="16.5" customHeight="1">
      <c r="B32" s="14"/>
      <c r="C32" s="168"/>
      <c r="D32" s="169"/>
      <c r="E32" s="169"/>
      <c r="F32" s="169"/>
      <c r="G32" s="169"/>
      <c r="H32" s="170"/>
      <c r="I32" s="40"/>
      <c r="J32" s="40"/>
      <c r="K32" s="40"/>
    </row>
    <row r="33" spans="2:11" ht="16.5" customHeight="1">
      <c r="B33" s="14"/>
      <c r="C33" s="168"/>
      <c r="D33" s="169"/>
      <c r="E33" s="169"/>
      <c r="F33" s="169"/>
      <c r="G33" s="169"/>
      <c r="H33" s="170"/>
      <c r="I33" s="40"/>
      <c r="J33" s="40"/>
      <c r="K33" s="40"/>
    </row>
    <row r="34" spans="2:11" ht="16.5" customHeight="1" thickBot="1">
      <c r="B34" s="15"/>
      <c r="C34" s="168"/>
      <c r="D34" s="169"/>
      <c r="E34" s="169"/>
      <c r="F34" s="169"/>
      <c r="G34" s="169"/>
      <c r="H34" s="170"/>
      <c r="I34" s="40"/>
      <c r="J34" s="40"/>
      <c r="K34" s="40"/>
    </row>
    <row r="35" spans="2:11" ht="16.5" customHeight="1" thickTop="1">
      <c r="B35" s="62">
        <f>SUM(B30:B34)</f>
        <v>0</v>
      </c>
      <c r="C35" s="64"/>
      <c r="D35" s="64"/>
      <c r="E35" s="64"/>
      <c r="F35" s="64"/>
      <c r="G35" s="64"/>
      <c r="H35" s="65"/>
    </row>
  </sheetData>
  <sheetProtection algorithmName="SHA-512" hashValue="4ugbv57BfeXCEiKc+OhXHkz2sqd6IWcR6ppmlOaOZ6Jkmm+8mf88HYi1bockn49tqGwKf91PCa9a0Uy+V305zg==" saltValue="nEu1uJA1Qp0f/Py+EftzfQ==" spinCount="100000" sheet="1" formatColumns="0" formatRows="0" selectLockedCells="1"/>
  <mergeCells count="7">
    <mergeCell ref="B16:C16"/>
    <mergeCell ref="C34:H34"/>
    <mergeCell ref="C29:H29"/>
    <mergeCell ref="C30:H30"/>
    <mergeCell ref="C31:H31"/>
    <mergeCell ref="C32:H32"/>
    <mergeCell ref="C33:H33"/>
  </mergeCells>
  <phoneticPr fontId="1"/>
  <pageMargins left="0.98425196850393704" right="0.39370078740157483" top="0.59055118110236227" bottom="0.39370078740157483" header="0.31496062992125984" footer="0.51181102362204722"/>
  <pageSetup paperSize="9" scale="74" orientation="portrait" horizontalDpi="300" verticalDpi="300" r:id="rId1"/>
  <headerFooter alignWithMargins="0">
    <oddHeader>&amp;C&amp;"ＭＳ ゴシック,標準"&amp;12私立学校現況調査票</oddHeader>
  </headerFooter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984283-FBDC-4345-A6A6-F1068537B379}">
  <dimension ref="B1:O129"/>
  <sheetViews>
    <sheetView showGridLines="0" showZeros="0" tabSelected="1" topLeftCell="A45" zoomScaleNormal="100" workbookViewId="0">
      <selection activeCell="C63" sqref="C63"/>
    </sheetView>
  </sheetViews>
  <sheetFormatPr defaultColWidth="6.33203125" defaultRowHeight="16.5" customHeight="1"/>
  <cols>
    <col min="1" max="1" width="10.6640625" style="68" customWidth="1"/>
    <col min="2" max="2" width="7.21875" style="99" customWidth="1"/>
    <col min="3" max="5" width="6.33203125" style="68" customWidth="1"/>
    <col min="6" max="6" width="6.77734375" style="68" bestFit="1" customWidth="1"/>
    <col min="7" max="7" width="6.77734375" style="68" customWidth="1"/>
    <col min="8" max="9" width="3.33203125" style="68" customWidth="1"/>
    <col min="10" max="10" width="6" style="68" customWidth="1"/>
    <col min="11" max="14" width="6.33203125" style="68" customWidth="1"/>
    <col min="15" max="15" width="6.5546875" style="68" bestFit="1" customWidth="1"/>
    <col min="16" max="16384" width="6.33203125" style="68"/>
  </cols>
  <sheetData>
    <row r="1" spans="2:15" ht="17.100000000000001" customHeight="1">
      <c r="B1" s="67" t="s">
        <v>47</v>
      </c>
      <c r="O1" s="42" t="str">
        <f>CONCATENATE(報告書表紙!$A$29,"　",報告書表紙!$I$8,"　",報告書表紙!$I$7)</f>
        <v>R8　　</v>
      </c>
    </row>
    <row r="2" spans="2:15" ht="3" customHeight="1">
      <c r="B2" s="67"/>
      <c r="H2" s="69"/>
      <c r="I2" s="70"/>
    </row>
    <row r="3" spans="2:15" ht="16.5" customHeight="1">
      <c r="B3" s="71"/>
      <c r="C3" s="172" t="s">
        <v>12</v>
      </c>
      <c r="D3" s="174" t="s">
        <v>13</v>
      </c>
      <c r="E3" s="176" t="s">
        <v>9</v>
      </c>
      <c r="F3" s="178" t="s">
        <v>10</v>
      </c>
      <c r="G3" s="181" t="s">
        <v>11</v>
      </c>
      <c r="H3" s="69"/>
      <c r="I3" s="70"/>
    </row>
    <row r="4" spans="2:15" ht="16.5" customHeight="1">
      <c r="B4" s="72"/>
      <c r="C4" s="173"/>
      <c r="D4" s="175"/>
      <c r="E4" s="177"/>
      <c r="F4" s="179"/>
      <c r="G4" s="180"/>
      <c r="H4" s="69"/>
      <c r="I4" s="70"/>
      <c r="J4" s="73"/>
    </row>
    <row r="5" spans="2:15" ht="16.5" customHeight="1">
      <c r="B5" s="74" t="s">
        <v>63</v>
      </c>
      <c r="C5" s="75">
        <f>C16</f>
        <v>0</v>
      </c>
      <c r="D5" s="76">
        <f>D16</f>
        <v>0</v>
      </c>
      <c r="E5" s="76">
        <f>E16</f>
        <v>0</v>
      </c>
      <c r="F5" s="77">
        <f>F16</f>
        <v>0</v>
      </c>
      <c r="G5" s="78">
        <f>G16</f>
        <v>0</v>
      </c>
      <c r="H5" s="69"/>
      <c r="I5" s="70"/>
      <c r="J5" s="73"/>
    </row>
    <row r="6" spans="2:15" ht="16.5" customHeight="1">
      <c r="B6" s="79" t="s">
        <v>64</v>
      </c>
      <c r="C6" s="80">
        <f>C30</f>
        <v>0</v>
      </c>
      <c r="D6" s="81">
        <f>D30</f>
        <v>0</v>
      </c>
      <c r="E6" s="81">
        <f>E30</f>
        <v>0</v>
      </c>
      <c r="F6" s="82">
        <f>F30</f>
        <v>0</v>
      </c>
      <c r="G6" s="83">
        <f>G30</f>
        <v>0</v>
      </c>
      <c r="H6" s="69"/>
      <c r="I6" s="70"/>
      <c r="J6" s="73"/>
    </row>
    <row r="7" spans="2:15" ht="16.5" customHeight="1">
      <c r="B7" s="84" t="s">
        <v>65</v>
      </c>
      <c r="C7" s="85">
        <f>C44</f>
        <v>0</v>
      </c>
      <c r="D7" s="86">
        <f>D44</f>
        <v>0</v>
      </c>
      <c r="E7" s="86">
        <f>E44</f>
        <v>0</v>
      </c>
      <c r="F7" s="87">
        <f>F44</f>
        <v>0</v>
      </c>
      <c r="G7" s="88">
        <f>G44</f>
        <v>0</v>
      </c>
      <c r="H7" s="69"/>
      <c r="I7" s="70"/>
      <c r="J7" s="73"/>
    </row>
    <row r="8" spans="2:15" ht="16.5" customHeight="1">
      <c r="B8" s="79" t="s">
        <v>66</v>
      </c>
      <c r="C8" s="80">
        <f>K16</f>
        <v>0</v>
      </c>
      <c r="D8" s="81">
        <f>L16</f>
        <v>0</v>
      </c>
      <c r="E8" s="81">
        <f>M16</f>
        <v>0</v>
      </c>
      <c r="F8" s="82">
        <f>N16</f>
        <v>0</v>
      </c>
      <c r="G8" s="83">
        <f>O16</f>
        <v>0</v>
      </c>
      <c r="H8" s="69"/>
      <c r="I8" s="70"/>
      <c r="J8" s="73"/>
    </row>
    <row r="9" spans="2:15" ht="16.5" customHeight="1">
      <c r="B9" s="79" t="s">
        <v>67</v>
      </c>
      <c r="C9" s="80">
        <f>K30</f>
        <v>0</v>
      </c>
      <c r="D9" s="81">
        <f>L30</f>
        <v>0</v>
      </c>
      <c r="E9" s="81">
        <f>M30</f>
        <v>0</v>
      </c>
      <c r="F9" s="82">
        <f>N30</f>
        <v>0</v>
      </c>
      <c r="G9" s="83">
        <f>O30</f>
        <v>0</v>
      </c>
      <c r="H9" s="69"/>
      <c r="I9" s="70"/>
      <c r="J9" s="73"/>
    </row>
    <row r="10" spans="2:15" ht="16.5" customHeight="1" thickBot="1">
      <c r="B10" s="89" t="s">
        <v>68</v>
      </c>
      <c r="C10" s="90">
        <f>K44</f>
        <v>0</v>
      </c>
      <c r="D10" s="91">
        <f>L44</f>
        <v>0</v>
      </c>
      <c r="E10" s="91">
        <f>M44</f>
        <v>0</v>
      </c>
      <c r="F10" s="92">
        <f>N44</f>
        <v>0</v>
      </c>
      <c r="G10" s="93">
        <f>O44</f>
        <v>0</v>
      </c>
      <c r="H10" s="69"/>
      <c r="I10" s="70"/>
      <c r="J10" s="73"/>
    </row>
    <row r="11" spans="2:15" ht="16.5" customHeight="1" thickTop="1">
      <c r="B11" s="94" t="s">
        <v>15</v>
      </c>
      <c r="C11" s="95">
        <f>SUM(C5:C10)</f>
        <v>0</v>
      </c>
      <c r="D11" s="96">
        <f>SUM(D5:D10)</f>
        <v>0</v>
      </c>
      <c r="E11" s="96">
        <f>SUM(E5:E10)</f>
        <v>0</v>
      </c>
      <c r="F11" s="97">
        <f>SUM(F5:F10)</f>
        <v>0</v>
      </c>
      <c r="G11" s="98">
        <f>SUM(G5:G10)</f>
        <v>0</v>
      </c>
      <c r="H11" s="69"/>
      <c r="I11" s="70"/>
      <c r="J11" s="73"/>
    </row>
    <row r="12" spans="2:15" ht="7.8" customHeight="1">
      <c r="H12" s="69"/>
      <c r="I12" s="70"/>
    </row>
    <row r="13" spans="2:15" ht="16.5" customHeight="1">
      <c r="B13" s="100" t="s">
        <v>69</v>
      </c>
      <c r="C13" s="101"/>
      <c r="D13" s="101"/>
      <c r="E13" s="101"/>
      <c r="F13" s="101"/>
      <c r="G13" s="101"/>
      <c r="H13" s="69"/>
      <c r="I13" s="70"/>
      <c r="J13" s="100" t="s">
        <v>80</v>
      </c>
      <c r="K13" s="101"/>
      <c r="L13" s="101"/>
      <c r="M13" s="101"/>
      <c r="N13" s="101"/>
      <c r="O13" s="101"/>
    </row>
    <row r="14" spans="2:15" ht="16.5" customHeight="1">
      <c r="B14" s="102"/>
      <c r="C14" s="172" t="s">
        <v>12</v>
      </c>
      <c r="D14" s="174" t="s">
        <v>13</v>
      </c>
      <c r="E14" s="176" t="s">
        <v>9</v>
      </c>
      <c r="F14" s="178" t="s">
        <v>10</v>
      </c>
      <c r="G14" s="180" t="s">
        <v>11</v>
      </c>
      <c r="H14" s="69"/>
      <c r="I14" s="70"/>
      <c r="J14" s="102"/>
      <c r="K14" s="172" t="s">
        <v>12</v>
      </c>
      <c r="L14" s="174" t="s">
        <v>13</v>
      </c>
      <c r="M14" s="176" t="s">
        <v>9</v>
      </c>
      <c r="N14" s="178" t="s">
        <v>10</v>
      </c>
      <c r="O14" s="180" t="s">
        <v>11</v>
      </c>
    </row>
    <row r="15" spans="2:15" ht="21.6" customHeight="1">
      <c r="B15" s="102"/>
      <c r="C15" s="173"/>
      <c r="D15" s="175"/>
      <c r="E15" s="177"/>
      <c r="F15" s="179"/>
      <c r="G15" s="180"/>
      <c r="H15" s="69"/>
      <c r="I15" s="70"/>
      <c r="J15" s="102"/>
      <c r="K15" s="173"/>
      <c r="L15" s="175"/>
      <c r="M15" s="177"/>
      <c r="N15" s="179"/>
      <c r="O15" s="180"/>
    </row>
    <row r="16" spans="2:15" ht="16.5" customHeight="1" thickBot="1">
      <c r="B16" s="103" t="s">
        <v>14</v>
      </c>
      <c r="C16" s="104">
        <f>SUM(C17:C25)</f>
        <v>0</v>
      </c>
      <c r="D16" s="105">
        <f>SUM(D17:D25)</f>
        <v>0</v>
      </c>
      <c r="E16" s="106">
        <f>SUM(E17:E25)</f>
        <v>0</v>
      </c>
      <c r="F16" s="107">
        <f>SUM(F17:F25)</f>
        <v>0</v>
      </c>
      <c r="G16" s="108">
        <f>SUM(G17:G25)</f>
        <v>0</v>
      </c>
      <c r="H16" s="69"/>
      <c r="I16" s="70"/>
      <c r="J16" s="103" t="s">
        <v>14</v>
      </c>
      <c r="K16" s="104">
        <f>SUM(K17:K25)</f>
        <v>0</v>
      </c>
      <c r="L16" s="105">
        <f>SUM(L17:L25)</f>
        <v>0</v>
      </c>
      <c r="M16" s="106">
        <f>SUM(M17:M25)</f>
        <v>0</v>
      </c>
      <c r="N16" s="107">
        <f>SUM(N17:N25)</f>
        <v>0</v>
      </c>
      <c r="O16" s="108">
        <f>SUM(O17:O25)</f>
        <v>0</v>
      </c>
    </row>
    <row r="17" spans="2:15" ht="16.5" customHeight="1" thickTop="1">
      <c r="B17" s="109" t="s">
        <v>8</v>
      </c>
      <c r="C17" s="34"/>
      <c r="D17" s="35"/>
      <c r="E17" s="35"/>
      <c r="F17" s="36"/>
      <c r="G17" s="110">
        <f>IF(C17+D17+E17+F17=在籍生徒数!C6,C17+D17+E17+F17,"要確認")</f>
        <v>0</v>
      </c>
      <c r="H17" s="69"/>
      <c r="I17" s="70"/>
      <c r="J17" s="109" t="s">
        <v>8</v>
      </c>
      <c r="K17" s="16"/>
      <c r="L17" s="17"/>
      <c r="M17" s="17"/>
      <c r="N17" s="18"/>
      <c r="O17" s="111">
        <f>IF(K17+L17+M17+N17=在籍生徒数!F6,K17+L17+M17+N17,"要確認")</f>
        <v>0</v>
      </c>
    </row>
    <row r="18" spans="2:15" ht="16.5" customHeight="1">
      <c r="B18" s="112">
        <f>在籍生徒数!B7</f>
        <v>1</v>
      </c>
      <c r="C18" s="119"/>
      <c r="D18" s="20"/>
      <c r="E18" s="20"/>
      <c r="F18" s="21"/>
      <c r="G18" s="78">
        <f>IF(C18+D18+E18+F18=在籍生徒数!C7,C18+D18+E18+F18,"要確認")</f>
        <v>0</v>
      </c>
      <c r="H18" s="69"/>
      <c r="I18" s="70"/>
      <c r="J18" s="112">
        <f>在籍生徒数!B7</f>
        <v>1</v>
      </c>
      <c r="K18" s="19"/>
      <c r="L18" s="20"/>
      <c r="M18" s="20"/>
      <c r="N18" s="21"/>
      <c r="O18" s="78">
        <f>IF(K18+L18+M18+N18=在籍生徒数!F7,K18+L18+M18+N18,"要確認")</f>
        <v>0</v>
      </c>
    </row>
    <row r="19" spans="2:15" ht="16.5" customHeight="1">
      <c r="B19" s="113">
        <f>在籍生徒数!B8</f>
        <v>2</v>
      </c>
      <c r="C19" s="22"/>
      <c r="D19" s="23"/>
      <c r="E19" s="23"/>
      <c r="F19" s="24"/>
      <c r="G19" s="83">
        <f>IF(C19+D19+E19+F19=在籍生徒数!C8,C19+D19+E19+F19,"要確認")</f>
        <v>0</v>
      </c>
      <c r="H19" s="69"/>
      <c r="I19" s="70"/>
      <c r="J19" s="113">
        <f>在籍生徒数!B8</f>
        <v>2</v>
      </c>
      <c r="K19" s="22"/>
      <c r="L19" s="23"/>
      <c r="M19" s="23"/>
      <c r="N19" s="24"/>
      <c r="O19" s="83">
        <f>IF(K19+L19+M19+N19=在籍生徒数!F8,K19+L19+M19+N19,"要確認")</f>
        <v>0</v>
      </c>
    </row>
    <row r="20" spans="2:15" ht="16.5" customHeight="1">
      <c r="B20" s="113">
        <f>在籍生徒数!B9</f>
        <v>3</v>
      </c>
      <c r="C20" s="22"/>
      <c r="D20" s="23"/>
      <c r="E20" s="23"/>
      <c r="F20" s="24"/>
      <c r="G20" s="83">
        <f>IF(C20+D20+E20+F20=在籍生徒数!C9,C20+D20+E20+F20,"要確認")</f>
        <v>0</v>
      </c>
      <c r="H20" s="69"/>
      <c r="I20" s="70"/>
      <c r="J20" s="113">
        <f>在籍生徒数!B9</f>
        <v>3</v>
      </c>
      <c r="K20" s="22"/>
      <c r="L20" s="23"/>
      <c r="M20" s="23"/>
      <c r="N20" s="24"/>
      <c r="O20" s="83">
        <f>IF(K20+L20+M20+N20=在籍生徒数!F9,K20+L20+M20+N20,"要確認")</f>
        <v>0</v>
      </c>
    </row>
    <row r="21" spans="2:15" ht="16.5" customHeight="1">
      <c r="B21" s="113">
        <f>在籍生徒数!B10</f>
        <v>4</v>
      </c>
      <c r="C21" s="22"/>
      <c r="D21" s="23"/>
      <c r="E21" s="23"/>
      <c r="F21" s="24"/>
      <c r="G21" s="83">
        <f>IF(C21+D21+E21+F21=在籍生徒数!C10,C21+D21+E21+F21,"要確認")</f>
        <v>0</v>
      </c>
      <c r="H21" s="69"/>
      <c r="I21" s="70"/>
      <c r="J21" s="113">
        <f>在籍生徒数!B10</f>
        <v>4</v>
      </c>
      <c r="K21" s="22"/>
      <c r="L21" s="23"/>
      <c r="M21" s="23"/>
      <c r="N21" s="24"/>
      <c r="O21" s="83">
        <f>IF(K21+L21+M21+N21=在籍生徒数!F10,K21+L21+M21+N21,"要確認")</f>
        <v>0</v>
      </c>
    </row>
    <row r="22" spans="2:15" ht="16.5" customHeight="1">
      <c r="B22" s="113">
        <f>在籍生徒数!B11</f>
        <v>5</v>
      </c>
      <c r="C22" s="22"/>
      <c r="D22" s="23"/>
      <c r="E22" s="23"/>
      <c r="F22" s="24"/>
      <c r="G22" s="83">
        <f>IF(C22+D22+E22+F22=在籍生徒数!C11,C22+D22+E22+F22,"要確認")</f>
        <v>0</v>
      </c>
      <c r="H22" s="69"/>
      <c r="I22" s="70"/>
      <c r="J22" s="113">
        <f>在籍生徒数!B11</f>
        <v>5</v>
      </c>
      <c r="K22" s="22"/>
      <c r="L22" s="23"/>
      <c r="M22" s="23"/>
      <c r="N22" s="24"/>
      <c r="O22" s="83">
        <f>IF(K22+L22+M22+N22=在籍生徒数!F11,K22+L22+M22+N22,"要確認")</f>
        <v>0</v>
      </c>
    </row>
    <row r="23" spans="2:15" ht="16.5" customHeight="1">
      <c r="B23" s="113">
        <f>在籍生徒数!B12</f>
        <v>6</v>
      </c>
      <c r="C23" s="22"/>
      <c r="D23" s="23"/>
      <c r="E23" s="23"/>
      <c r="F23" s="24"/>
      <c r="G23" s="83">
        <f>IF(C23+D23+E23+F23=在籍生徒数!C12,C23+D23+E23+F23,"要確認")</f>
        <v>0</v>
      </c>
      <c r="H23" s="69"/>
      <c r="I23" s="70"/>
      <c r="J23" s="113">
        <f>在籍生徒数!B12</f>
        <v>6</v>
      </c>
      <c r="K23" s="22"/>
      <c r="L23" s="23"/>
      <c r="M23" s="23"/>
      <c r="N23" s="24"/>
      <c r="O23" s="83">
        <f>IF(K23+L23+M23+N23=在籍生徒数!F12,K23+L23+M23+N23,"要確認")</f>
        <v>0</v>
      </c>
    </row>
    <row r="24" spans="2:15" ht="16.5" customHeight="1">
      <c r="B24" s="113">
        <f>在籍生徒数!B13</f>
        <v>7</v>
      </c>
      <c r="C24" s="22"/>
      <c r="D24" s="23"/>
      <c r="E24" s="23"/>
      <c r="F24" s="24"/>
      <c r="G24" s="83">
        <f>IF(C24+D24+E24+F24=在籍生徒数!C13,C24+D24+E24+F24,"要確認")</f>
        <v>0</v>
      </c>
      <c r="H24" s="69"/>
      <c r="I24" s="70"/>
      <c r="J24" s="113">
        <f>在籍生徒数!B13</f>
        <v>7</v>
      </c>
      <c r="K24" s="22"/>
      <c r="L24" s="23"/>
      <c r="M24" s="23"/>
      <c r="N24" s="24"/>
      <c r="O24" s="83">
        <f>IF(K24+L24+M24+N24=在籍生徒数!F13,K24+L24+M24+N24,"要確認")</f>
        <v>0</v>
      </c>
    </row>
    <row r="25" spans="2:15" ht="16.5" customHeight="1">
      <c r="B25" s="114">
        <f>在籍生徒数!B14</f>
        <v>8</v>
      </c>
      <c r="C25" s="25"/>
      <c r="D25" s="26"/>
      <c r="E25" s="26"/>
      <c r="F25" s="27"/>
      <c r="G25" s="115">
        <f>IF(C25+D25+E25+F25=在籍生徒数!C14,C25+D25+E25+F25,"要確認")</f>
        <v>0</v>
      </c>
      <c r="H25" s="69"/>
      <c r="I25" s="70"/>
      <c r="J25" s="114">
        <f>在籍生徒数!B14</f>
        <v>8</v>
      </c>
      <c r="K25" s="25"/>
      <c r="L25" s="26"/>
      <c r="M25" s="26"/>
      <c r="N25" s="27"/>
      <c r="O25" s="115">
        <f>IF(K25+L25+M25+N25=在籍生徒数!F14,K25+L25+M25+N25,"要確認")</f>
        <v>0</v>
      </c>
    </row>
    <row r="26" spans="2:15" ht="7.8" customHeight="1">
      <c r="H26" s="69"/>
      <c r="I26" s="70"/>
    </row>
    <row r="27" spans="2:15" ht="16.5" customHeight="1">
      <c r="B27" s="100" t="s">
        <v>64</v>
      </c>
      <c r="C27" s="101"/>
      <c r="D27" s="101"/>
      <c r="E27" s="101"/>
      <c r="F27" s="101"/>
      <c r="G27" s="101"/>
      <c r="H27" s="69"/>
      <c r="I27" s="70"/>
      <c r="J27" s="100" t="s">
        <v>81</v>
      </c>
      <c r="K27" s="101"/>
      <c r="L27" s="101"/>
      <c r="M27" s="101"/>
      <c r="N27" s="101"/>
      <c r="O27" s="101"/>
    </row>
    <row r="28" spans="2:15" ht="16.5" customHeight="1">
      <c r="B28" s="102"/>
      <c r="C28" s="172" t="s">
        <v>12</v>
      </c>
      <c r="D28" s="174" t="s">
        <v>13</v>
      </c>
      <c r="E28" s="176" t="s">
        <v>9</v>
      </c>
      <c r="F28" s="178" t="s">
        <v>10</v>
      </c>
      <c r="G28" s="180" t="s">
        <v>11</v>
      </c>
      <c r="H28" s="69"/>
      <c r="I28" s="70"/>
      <c r="J28" s="102"/>
      <c r="K28" s="172" t="s">
        <v>12</v>
      </c>
      <c r="L28" s="174" t="s">
        <v>13</v>
      </c>
      <c r="M28" s="176" t="s">
        <v>9</v>
      </c>
      <c r="N28" s="178" t="s">
        <v>10</v>
      </c>
      <c r="O28" s="180" t="s">
        <v>11</v>
      </c>
    </row>
    <row r="29" spans="2:15" ht="16.5" customHeight="1">
      <c r="B29" s="102"/>
      <c r="C29" s="173"/>
      <c r="D29" s="175"/>
      <c r="E29" s="177"/>
      <c r="F29" s="179"/>
      <c r="G29" s="180"/>
      <c r="H29" s="69"/>
      <c r="I29" s="70"/>
      <c r="J29" s="102"/>
      <c r="K29" s="173"/>
      <c r="L29" s="175"/>
      <c r="M29" s="177"/>
      <c r="N29" s="179"/>
      <c r="O29" s="180"/>
    </row>
    <row r="30" spans="2:15" ht="16.5" customHeight="1" thickBot="1">
      <c r="B30" s="103" t="s">
        <v>14</v>
      </c>
      <c r="C30" s="104">
        <f>SUM(C31:C39)</f>
        <v>0</v>
      </c>
      <c r="D30" s="105">
        <f>SUM(D31:D39)</f>
        <v>0</v>
      </c>
      <c r="E30" s="106">
        <f>SUM(E31:E39)</f>
        <v>0</v>
      </c>
      <c r="F30" s="107">
        <f>SUM(F31:F39)</f>
        <v>0</v>
      </c>
      <c r="G30" s="108">
        <f>SUM(G31:G39)</f>
        <v>0</v>
      </c>
      <c r="H30" s="69"/>
      <c r="I30" s="70"/>
      <c r="J30" s="103" t="s">
        <v>14</v>
      </c>
      <c r="K30" s="104">
        <f>SUM(K31:K39)</f>
        <v>0</v>
      </c>
      <c r="L30" s="105">
        <f>SUM(L31:L39)</f>
        <v>0</v>
      </c>
      <c r="M30" s="106">
        <f>SUM(M31:M39)</f>
        <v>0</v>
      </c>
      <c r="N30" s="107">
        <f>SUM(N31:N39)</f>
        <v>0</v>
      </c>
      <c r="O30" s="108">
        <f>SUM(O31:O39)</f>
        <v>0</v>
      </c>
    </row>
    <row r="31" spans="2:15" ht="16.5" customHeight="1" thickTop="1">
      <c r="B31" s="109" t="s">
        <v>8</v>
      </c>
      <c r="C31" s="16"/>
      <c r="D31" s="17"/>
      <c r="E31" s="17"/>
      <c r="F31" s="18"/>
      <c r="G31" s="111">
        <f>IF(C31+D31+E31+F31=在籍生徒数!D6,C31+D31+E31+F31,"要確認")</f>
        <v>0</v>
      </c>
      <c r="H31" s="69"/>
      <c r="I31" s="70"/>
      <c r="J31" s="109" t="s">
        <v>8</v>
      </c>
      <c r="K31" s="16"/>
      <c r="L31" s="17"/>
      <c r="M31" s="17"/>
      <c r="N31" s="18"/>
      <c r="O31" s="111">
        <f>IF(K31+L31+M31+N31=在籍生徒数!G6,K31+L31+M31+N31,"要確認")</f>
        <v>0</v>
      </c>
    </row>
    <row r="32" spans="2:15" ht="16.5" customHeight="1">
      <c r="B32" s="112">
        <f>在籍生徒数!B7</f>
        <v>1</v>
      </c>
      <c r="C32" s="19"/>
      <c r="D32" s="20"/>
      <c r="E32" s="20"/>
      <c r="F32" s="21"/>
      <c r="G32" s="78">
        <f>IF(C32+D32+E32+F32=在籍生徒数!D7,C32+D32+E32+F32,"要確認")</f>
        <v>0</v>
      </c>
      <c r="H32" s="69"/>
      <c r="I32" s="70"/>
      <c r="J32" s="112">
        <f>在籍生徒数!B7</f>
        <v>1</v>
      </c>
      <c r="K32" s="19"/>
      <c r="L32" s="20"/>
      <c r="M32" s="20"/>
      <c r="N32" s="21"/>
      <c r="O32" s="78">
        <f>IF(K32+L32+M32+N32=在籍生徒数!G7,K32+L32+M32+N32,"要確認")</f>
        <v>0</v>
      </c>
    </row>
    <row r="33" spans="2:15" ht="16.5" customHeight="1">
      <c r="B33" s="113">
        <f>在籍生徒数!B8</f>
        <v>2</v>
      </c>
      <c r="C33" s="22"/>
      <c r="D33" s="23"/>
      <c r="E33" s="23"/>
      <c r="F33" s="24"/>
      <c r="G33" s="83">
        <f>IF(C33+D33+E33+F33=在籍生徒数!D8,C33+D33+E33+F33,"要確認")</f>
        <v>0</v>
      </c>
      <c r="H33" s="69"/>
      <c r="I33" s="70"/>
      <c r="J33" s="113">
        <f>在籍生徒数!B8</f>
        <v>2</v>
      </c>
      <c r="K33" s="22"/>
      <c r="L33" s="23"/>
      <c r="M33" s="23"/>
      <c r="N33" s="24"/>
      <c r="O33" s="83">
        <f>IF(K33+L33+M33+N33=在籍生徒数!G8,K33+L33+M33+N33,"要確認")</f>
        <v>0</v>
      </c>
    </row>
    <row r="34" spans="2:15" ht="16.5" customHeight="1">
      <c r="B34" s="113">
        <f>在籍生徒数!B9</f>
        <v>3</v>
      </c>
      <c r="C34" s="22"/>
      <c r="D34" s="23"/>
      <c r="E34" s="23"/>
      <c r="F34" s="24"/>
      <c r="G34" s="83">
        <f>IF(C34+D34+E34+F34=在籍生徒数!D9,C34+D34+E34+F34,"要確認")</f>
        <v>0</v>
      </c>
      <c r="H34" s="69"/>
      <c r="I34" s="70"/>
      <c r="J34" s="113">
        <f>在籍生徒数!B9</f>
        <v>3</v>
      </c>
      <c r="K34" s="22"/>
      <c r="L34" s="23"/>
      <c r="M34" s="23"/>
      <c r="N34" s="24"/>
      <c r="O34" s="83">
        <f>IF(K34+L34+M34+N34=在籍生徒数!G9,K34+L34+M34+N34,"要確認")</f>
        <v>0</v>
      </c>
    </row>
    <row r="35" spans="2:15" ht="16.5" customHeight="1">
      <c r="B35" s="113">
        <f>在籍生徒数!B10</f>
        <v>4</v>
      </c>
      <c r="C35" s="22"/>
      <c r="D35" s="23"/>
      <c r="E35" s="23"/>
      <c r="F35" s="24"/>
      <c r="G35" s="83">
        <f>IF(C35+D35+E35+F35=在籍生徒数!D10,C35+D35+E35+F35,"要確認")</f>
        <v>0</v>
      </c>
      <c r="H35" s="69"/>
      <c r="I35" s="70"/>
      <c r="J35" s="113">
        <f>在籍生徒数!B10</f>
        <v>4</v>
      </c>
      <c r="K35" s="22"/>
      <c r="L35" s="23"/>
      <c r="M35" s="23"/>
      <c r="N35" s="24"/>
      <c r="O35" s="83">
        <f>IF(K35+L35+M35+N35=在籍生徒数!G10,K35+L35+M35+N35,"要確認")</f>
        <v>0</v>
      </c>
    </row>
    <row r="36" spans="2:15" ht="16.5" customHeight="1">
      <c r="B36" s="113">
        <f>在籍生徒数!B11</f>
        <v>5</v>
      </c>
      <c r="C36" s="22"/>
      <c r="D36" s="23"/>
      <c r="E36" s="23"/>
      <c r="F36" s="24"/>
      <c r="G36" s="83">
        <f>IF(C36+D36+E36+F36=在籍生徒数!D11,C36+D36+E36+F36,"要確認")</f>
        <v>0</v>
      </c>
      <c r="H36" s="69"/>
      <c r="I36" s="70"/>
      <c r="J36" s="113">
        <f>在籍生徒数!B11</f>
        <v>5</v>
      </c>
      <c r="K36" s="22"/>
      <c r="L36" s="23"/>
      <c r="M36" s="23"/>
      <c r="N36" s="24"/>
      <c r="O36" s="83">
        <f>IF(K36+L36+M36+N36=在籍生徒数!G11,K36+L36+M36+N36,"要確認")</f>
        <v>0</v>
      </c>
    </row>
    <row r="37" spans="2:15" ht="16.5" customHeight="1">
      <c r="B37" s="113">
        <f>在籍生徒数!B12</f>
        <v>6</v>
      </c>
      <c r="C37" s="22"/>
      <c r="D37" s="23"/>
      <c r="E37" s="23"/>
      <c r="F37" s="24"/>
      <c r="G37" s="83">
        <f>IF(C37+D37+E37+F37=在籍生徒数!D12,C37+D37+E37+F37,"要確認")</f>
        <v>0</v>
      </c>
      <c r="H37" s="69"/>
      <c r="I37" s="70"/>
      <c r="J37" s="113">
        <f>在籍生徒数!B12</f>
        <v>6</v>
      </c>
      <c r="K37" s="22"/>
      <c r="L37" s="23"/>
      <c r="M37" s="23"/>
      <c r="N37" s="24"/>
      <c r="O37" s="83">
        <f>IF(K37+L37+M37+N37=在籍生徒数!G12,K37+L37+M37+N37,"要確認")</f>
        <v>0</v>
      </c>
    </row>
    <row r="38" spans="2:15" ht="16.5" customHeight="1">
      <c r="B38" s="113">
        <f>在籍生徒数!B13</f>
        <v>7</v>
      </c>
      <c r="C38" s="22"/>
      <c r="D38" s="23"/>
      <c r="E38" s="23"/>
      <c r="F38" s="24"/>
      <c r="G38" s="83">
        <f>IF(C38+D38+E38+F38=在籍生徒数!D13,C38+D38+E38+F38,"要確認")</f>
        <v>0</v>
      </c>
      <c r="H38" s="69"/>
      <c r="I38" s="70"/>
      <c r="J38" s="113">
        <f>在籍生徒数!B13</f>
        <v>7</v>
      </c>
      <c r="K38" s="22"/>
      <c r="L38" s="23"/>
      <c r="M38" s="23"/>
      <c r="N38" s="24"/>
      <c r="O38" s="83">
        <f>IF(K38+L38+M38+N38=在籍生徒数!G13,K38+L38+M38+N38,"要確認")</f>
        <v>0</v>
      </c>
    </row>
    <row r="39" spans="2:15" ht="16.5" customHeight="1">
      <c r="B39" s="114">
        <f>在籍生徒数!B14</f>
        <v>8</v>
      </c>
      <c r="C39" s="25"/>
      <c r="D39" s="26"/>
      <c r="E39" s="26"/>
      <c r="F39" s="27"/>
      <c r="G39" s="115">
        <f>IF(C39+D39+E39+F39=在籍生徒数!D14,C39+D39+E39+F39,"要確認")</f>
        <v>0</v>
      </c>
      <c r="H39" s="69"/>
      <c r="I39" s="70"/>
      <c r="J39" s="114">
        <f>在籍生徒数!B14</f>
        <v>8</v>
      </c>
      <c r="K39" s="25"/>
      <c r="L39" s="26"/>
      <c r="M39" s="26"/>
      <c r="N39" s="27"/>
      <c r="O39" s="115">
        <f>IF(K39+L39+M39+N39=在籍生徒数!G14,K39+L39+M39+N39,"要確認")</f>
        <v>0</v>
      </c>
    </row>
    <row r="40" spans="2:15" ht="6.6" customHeight="1">
      <c r="H40" s="69"/>
      <c r="I40" s="70"/>
      <c r="J40" s="116"/>
      <c r="K40" s="73"/>
      <c r="L40" s="73"/>
      <c r="M40" s="73"/>
      <c r="N40" s="73"/>
      <c r="O40" s="73"/>
    </row>
    <row r="41" spans="2:15" ht="16.5" customHeight="1">
      <c r="B41" s="100" t="s">
        <v>65</v>
      </c>
      <c r="C41" s="101"/>
      <c r="D41" s="101"/>
      <c r="E41" s="101"/>
      <c r="F41" s="101"/>
      <c r="G41" s="101"/>
      <c r="H41" s="69"/>
      <c r="I41" s="70"/>
      <c r="J41" s="100" t="s">
        <v>82</v>
      </c>
      <c r="K41" s="101"/>
      <c r="L41" s="101"/>
      <c r="M41" s="101"/>
      <c r="N41" s="101"/>
      <c r="O41" s="101"/>
    </row>
    <row r="42" spans="2:15" ht="16.5" customHeight="1">
      <c r="B42" s="102"/>
      <c r="C42" s="172" t="s">
        <v>12</v>
      </c>
      <c r="D42" s="174" t="s">
        <v>13</v>
      </c>
      <c r="E42" s="176" t="s">
        <v>9</v>
      </c>
      <c r="F42" s="178" t="s">
        <v>10</v>
      </c>
      <c r="G42" s="180" t="s">
        <v>11</v>
      </c>
      <c r="H42" s="69"/>
      <c r="I42" s="70"/>
      <c r="J42" s="102"/>
      <c r="K42" s="172" t="s">
        <v>12</v>
      </c>
      <c r="L42" s="174" t="s">
        <v>13</v>
      </c>
      <c r="M42" s="176" t="s">
        <v>9</v>
      </c>
      <c r="N42" s="178" t="s">
        <v>10</v>
      </c>
      <c r="O42" s="180" t="s">
        <v>11</v>
      </c>
    </row>
    <row r="43" spans="2:15" ht="16.5" customHeight="1">
      <c r="B43" s="102"/>
      <c r="C43" s="173"/>
      <c r="D43" s="175"/>
      <c r="E43" s="177"/>
      <c r="F43" s="179"/>
      <c r="G43" s="180"/>
      <c r="H43" s="69"/>
      <c r="I43" s="70"/>
      <c r="J43" s="102"/>
      <c r="K43" s="173"/>
      <c r="L43" s="175"/>
      <c r="M43" s="177"/>
      <c r="N43" s="179"/>
      <c r="O43" s="180"/>
    </row>
    <row r="44" spans="2:15" ht="16.5" customHeight="1" thickBot="1">
      <c r="B44" s="103" t="s">
        <v>14</v>
      </c>
      <c r="C44" s="104">
        <f>SUM(C45:C53)</f>
        <v>0</v>
      </c>
      <c r="D44" s="105">
        <f>SUM(D45:D53)</f>
        <v>0</v>
      </c>
      <c r="E44" s="106">
        <f>SUM(E45:E53)</f>
        <v>0</v>
      </c>
      <c r="F44" s="107">
        <f>SUM(F45:F53)</f>
        <v>0</v>
      </c>
      <c r="G44" s="108">
        <f>SUM(G45:G53)</f>
        <v>0</v>
      </c>
      <c r="H44" s="69"/>
      <c r="I44" s="70"/>
      <c r="J44" s="103" t="s">
        <v>14</v>
      </c>
      <c r="K44" s="104">
        <f>SUM(K45:K53)</f>
        <v>0</v>
      </c>
      <c r="L44" s="106">
        <f>SUM(L45:L53)</f>
        <v>0</v>
      </c>
      <c r="M44" s="106">
        <f>SUM(M45:M53)</f>
        <v>0</v>
      </c>
      <c r="N44" s="117">
        <f>SUM(N45:N53)</f>
        <v>0</v>
      </c>
      <c r="O44" s="118">
        <f>SUM(O45:O53)</f>
        <v>0</v>
      </c>
    </row>
    <row r="45" spans="2:15" ht="16.5" customHeight="1" thickTop="1">
      <c r="B45" s="109" t="s">
        <v>8</v>
      </c>
      <c r="C45" s="16"/>
      <c r="D45" s="17"/>
      <c r="E45" s="17"/>
      <c r="F45" s="18"/>
      <c r="G45" s="111">
        <f>IF(C45+D45+E45+F45=在籍生徒数!E6,C45+D45+E45+F45,"要確認")</f>
        <v>0</v>
      </c>
      <c r="H45" s="69"/>
      <c r="I45" s="70"/>
      <c r="J45" s="109" t="s">
        <v>8</v>
      </c>
      <c r="K45" s="16"/>
      <c r="L45" s="17"/>
      <c r="M45" s="17"/>
      <c r="N45" s="18"/>
      <c r="O45" s="111">
        <f>IF(K45+L45+M45+N45=在籍生徒数!H6,K45+L45+M45+N45,"要確認")</f>
        <v>0</v>
      </c>
    </row>
    <row r="46" spans="2:15" ht="16.5" customHeight="1">
      <c r="B46" s="112">
        <f>在籍生徒数!B7</f>
        <v>1</v>
      </c>
      <c r="C46" s="19"/>
      <c r="D46" s="20"/>
      <c r="E46" s="20"/>
      <c r="F46" s="21"/>
      <c r="G46" s="78">
        <f>IF(C46+D46+E46+F46=在籍生徒数!E7,C46+D46+E46+F46,"要確認")</f>
        <v>0</v>
      </c>
      <c r="H46" s="69"/>
      <c r="I46" s="70"/>
      <c r="J46" s="112">
        <f>在籍生徒数!B7</f>
        <v>1</v>
      </c>
      <c r="K46" s="19"/>
      <c r="L46" s="20"/>
      <c r="M46" s="20"/>
      <c r="N46" s="21"/>
      <c r="O46" s="78">
        <f>IF(K46+L46+M46+N46=在籍生徒数!H7,K46+L46+M46+N46,"要確認")</f>
        <v>0</v>
      </c>
    </row>
    <row r="47" spans="2:15" ht="16.5" customHeight="1">
      <c r="B47" s="113">
        <f>在籍生徒数!B8</f>
        <v>2</v>
      </c>
      <c r="C47" s="22"/>
      <c r="D47" s="23"/>
      <c r="E47" s="23"/>
      <c r="F47" s="24"/>
      <c r="G47" s="83">
        <f>IF(C47+D47+E47+F47=在籍生徒数!E8,C47+D47+E47+F47,"要確認")</f>
        <v>0</v>
      </c>
      <c r="H47" s="69"/>
      <c r="I47" s="70"/>
      <c r="J47" s="113">
        <f>在籍生徒数!B8</f>
        <v>2</v>
      </c>
      <c r="K47" s="22"/>
      <c r="L47" s="23"/>
      <c r="M47" s="23"/>
      <c r="N47" s="24"/>
      <c r="O47" s="83">
        <f>IF(K47+L47+M47+N47=在籍生徒数!H8,K47+L47+M47+N47,"要確認")</f>
        <v>0</v>
      </c>
    </row>
    <row r="48" spans="2:15" ht="16.5" customHeight="1">
      <c r="B48" s="113">
        <f>在籍生徒数!B9</f>
        <v>3</v>
      </c>
      <c r="C48" s="22"/>
      <c r="D48" s="23"/>
      <c r="E48" s="23"/>
      <c r="F48" s="24"/>
      <c r="G48" s="83">
        <f>IF(C48+D48+E48+F48=在籍生徒数!E9,C48+D48+E48+F48,"要確認")</f>
        <v>0</v>
      </c>
      <c r="H48" s="69"/>
      <c r="I48" s="70"/>
      <c r="J48" s="113">
        <f>在籍生徒数!B9</f>
        <v>3</v>
      </c>
      <c r="K48" s="22"/>
      <c r="L48" s="23"/>
      <c r="M48" s="23"/>
      <c r="N48" s="24"/>
      <c r="O48" s="83">
        <f>IF(K48+L48+M48+N48=在籍生徒数!H9,K48+L48+M48+N48,"要確認")</f>
        <v>0</v>
      </c>
    </row>
    <row r="49" spans="2:15" ht="16.5" customHeight="1">
      <c r="B49" s="113">
        <f>在籍生徒数!B10</f>
        <v>4</v>
      </c>
      <c r="C49" s="22"/>
      <c r="D49" s="23"/>
      <c r="E49" s="23"/>
      <c r="F49" s="24"/>
      <c r="G49" s="83">
        <f>IF(C49+D49+E49+F49=在籍生徒数!E10,C49+D49+E49+F49,"要確認")</f>
        <v>0</v>
      </c>
      <c r="H49" s="69"/>
      <c r="I49" s="70"/>
      <c r="J49" s="113">
        <f>在籍生徒数!B10</f>
        <v>4</v>
      </c>
      <c r="K49" s="22"/>
      <c r="L49" s="23"/>
      <c r="M49" s="23"/>
      <c r="N49" s="24"/>
      <c r="O49" s="83">
        <f>IF(K49+L49+M49+N49=在籍生徒数!H10,K49+L49+M49+N49,"要確認")</f>
        <v>0</v>
      </c>
    </row>
    <row r="50" spans="2:15" ht="16.5" customHeight="1">
      <c r="B50" s="113">
        <f>在籍生徒数!B11</f>
        <v>5</v>
      </c>
      <c r="C50" s="22"/>
      <c r="D50" s="23"/>
      <c r="E50" s="23"/>
      <c r="F50" s="24"/>
      <c r="G50" s="83">
        <f>IF(C50+D50+E50+F50=在籍生徒数!E11,C50+D50+E50+F50,"要確認")</f>
        <v>0</v>
      </c>
      <c r="H50" s="69"/>
      <c r="I50" s="70"/>
      <c r="J50" s="113">
        <f>在籍生徒数!B11</f>
        <v>5</v>
      </c>
      <c r="K50" s="22"/>
      <c r="L50" s="23"/>
      <c r="M50" s="23"/>
      <c r="N50" s="24"/>
      <c r="O50" s="83">
        <f>IF(K50+L50+M50+N50=在籍生徒数!H11,K50+L50+M50+N50,"要確認")</f>
        <v>0</v>
      </c>
    </row>
    <row r="51" spans="2:15" ht="16.5" customHeight="1">
      <c r="B51" s="113">
        <f>在籍生徒数!B12</f>
        <v>6</v>
      </c>
      <c r="C51" s="22"/>
      <c r="D51" s="23"/>
      <c r="E51" s="23"/>
      <c r="F51" s="24"/>
      <c r="G51" s="83">
        <f>IF(C51+D51+E51+F51=在籍生徒数!E12,C51+D51+E51+F51,"要確認")</f>
        <v>0</v>
      </c>
      <c r="H51" s="69"/>
      <c r="I51" s="70"/>
      <c r="J51" s="113">
        <f>在籍生徒数!B12</f>
        <v>6</v>
      </c>
      <c r="K51" s="22"/>
      <c r="L51" s="23"/>
      <c r="M51" s="23"/>
      <c r="N51" s="24"/>
      <c r="O51" s="83">
        <f>IF(K51+L51+M51+N51=在籍生徒数!H12,K51+L51+M51+N51,"要確認")</f>
        <v>0</v>
      </c>
    </row>
    <row r="52" spans="2:15" ht="16.5" customHeight="1">
      <c r="B52" s="113">
        <f>在籍生徒数!B13</f>
        <v>7</v>
      </c>
      <c r="C52" s="22"/>
      <c r="D52" s="23"/>
      <c r="E52" s="23"/>
      <c r="F52" s="24"/>
      <c r="G52" s="83">
        <f>IF(C52+D52+E52+F52=在籍生徒数!E13,C52+D52+E52+F52,"要確認")</f>
        <v>0</v>
      </c>
      <c r="H52" s="69"/>
      <c r="I52" s="70"/>
      <c r="J52" s="113">
        <f>在籍生徒数!B13</f>
        <v>7</v>
      </c>
      <c r="K52" s="22"/>
      <c r="L52" s="23"/>
      <c r="M52" s="23"/>
      <c r="N52" s="24"/>
      <c r="O52" s="83">
        <f>IF(K52+L52+M52+N52=在籍生徒数!H13,K52+L52+M52+N52,"要確認")</f>
        <v>0</v>
      </c>
    </row>
    <row r="53" spans="2:15" ht="16.5" customHeight="1">
      <c r="B53" s="114">
        <f>在籍生徒数!B14</f>
        <v>8</v>
      </c>
      <c r="C53" s="25"/>
      <c r="D53" s="26"/>
      <c r="E53" s="26"/>
      <c r="F53" s="27"/>
      <c r="G53" s="115">
        <f>IF(C53+D53+E53+F53=在籍生徒数!E14,C53+D53+E53+F53,"要確認")</f>
        <v>0</v>
      </c>
      <c r="H53" s="69"/>
      <c r="I53" s="70"/>
      <c r="J53" s="114">
        <f>在籍生徒数!B14</f>
        <v>8</v>
      </c>
      <c r="K53" s="25"/>
      <c r="L53" s="26"/>
      <c r="M53" s="26"/>
      <c r="N53" s="27"/>
      <c r="O53" s="115">
        <f>IF(K53+L53+M53+N53=在籍生徒数!H14,K53+L53+M53+N53,"要確認")</f>
        <v>0</v>
      </c>
    </row>
    <row r="54" spans="2:15" ht="10.199999999999999" customHeight="1">
      <c r="H54" s="69"/>
      <c r="I54" s="70"/>
      <c r="J54" s="99"/>
    </row>
    <row r="55" spans="2:15" ht="16.5" customHeight="1">
      <c r="B55" s="100" t="s">
        <v>66</v>
      </c>
      <c r="C55" s="101"/>
      <c r="D55" s="101"/>
      <c r="E55" s="101"/>
      <c r="F55" s="101"/>
      <c r="G55" s="101"/>
      <c r="H55" s="69"/>
      <c r="I55" s="70"/>
    </row>
    <row r="56" spans="2:15" ht="16.5" customHeight="1">
      <c r="B56" s="102"/>
      <c r="C56" s="172" t="s">
        <v>12</v>
      </c>
      <c r="D56" s="174" t="s">
        <v>13</v>
      </c>
      <c r="E56" s="176" t="s">
        <v>9</v>
      </c>
      <c r="F56" s="178" t="s">
        <v>10</v>
      </c>
      <c r="G56" s="180" t="s">
        <v>11</v>
      </c>
      <c r="H56" s="69"/>
      <c r="I56" s="70"/>
    </row>
    <row r="57" spans="2:15" ht="21.6" customHeight="1">
      <c r="B57" s="102"/>
      <c r="C57" s="173"/>
      <c r="D57" s="175"/>
      <c r="E57" s="177"/>
      <c r="F57" s="179"/>
      <c r="G57" s="180"/>
      <c r="H57" s="69"/>
      <c r="I57" s="70"/>
    </row>
    <row r="58" spans="2:15" ht="16.5" customHeight="1" thickBot="1">
      <c r="B58" s="103" t="s">
        <v>14</v>
      </c>
      <c r="C58" s="104">
        <f>SUM(C59:C67)</f>
        <v>0</v>
      </c>
      <c r="D58" s="105">
        <f>SUM(D59:D67)</f>
        <v>0</v>
      </c>
      <c r="E58" s="106">
        <f>SUM(E59:E67)</f>
        <v>0</v>
      </c>
      <c r="F58" s="107">
        <f>SUM(F59:F67)</f>
        <v>0</v>
      </c>
      <c r="G58" s="108">
        <f>SUM(G59:G67)</f>
        <v>0</v>
      </c>
      <c r="H58" s="69"/>
      <c r="I58" s="70"/>
    </row>
    <row r="59" spans="2:15" ht="16.5" customHeight="1" thickTop="1">
      <c r="B59" s="109" t="s">
        <v>8</v>
      </c>
      <c r="C59" s="34"/>
      <c r="D59" s="35"/>
      <c r="E59" s="35"/>
      <c r="F59" s="36"/>
      <c r="G59" s="110">
        <f>IF(C59+D59+E59+F59=在籍生徒数!C51,C59+D59+E59+F59,"要確認")</f>
        <v>0</v>
      </c>
      <c r="H59" s="69"/>
      <c r="I59" s="70"/>
    </row>
    <row r="60" spans="2:15" ht="16.5" customHeight="1">
      <c r="B60" s="112">
        <f>在籍生徒数!B7</f>
        <v>1</v>
      </c>
      <c r="C60" s="119"/>
      <c r="D60" s="20"/>
      <c r="E60" s="20"/>
      <c r="F60" s="21"/>
      <c r="G60" s="78">
        <f>IF(C60+D60+E60+F60=在籍生徒数!C52,C60+D60+E60+F60,"要確認")</f>
        <v>0</v>
      </c>
      <c r="H60" s="69"/>
      <c r="I60" s="70"/>
    </row>
    <row r="61" spans="2:15" ht="16.5" customHeight="1">
      <c r="B61" s="113">
        <f>在籍生徒数!B8</f>
        <v>2</v>
      </c>
      <c r="C61" s="22"/>
      <c r="D61" s="23"/>
      <c r="E61" s="23"/>
      <c r="F61" s="24"/>
      <c r="G61" s="83">
        <f>IF(C61+D61+E61+F61=在籍生徒数!C53,C61+D61+E61+F61,"要確認")</f>
        <v>0</v>
      </c>
      <c r="H61" s="69"/>
      <c r="I61" s="70"/>
    </row>
    <row r="62" spans="2:15" ht="16.5" customHeight="1">
      <c r="B62" s="113">
        <f>在籍生徒数!B9</f>
        <v>3</v>
      </c>
      <c r="C62" s="22"/>
      <c r="D62" s="23"/>
      <c r="E62" s="23"/>
      <c r="F62" s="24"/>
      <c r="G62" s="83">
        <f>IF(C62+D62+E62+F62=在籍生徒数!C54,C62+D62+E62+F62,"要確認")</f>
        <v>0</v>
      </c>
      <c r="H62" s="69"/>
      <c r="I62" s="70"/>
    </row>
    <row r="63" spans="2:15" ht="16.5" customHeight="1">
      <c r="B63" s="113">
        <f>在籍生徒数!B10</f>
        <v>4</v>
      </c>
      <c r="C63" s="22"/>
      <c r="D63" s="23"/>
      <c r="E63" s="23"/>
      <c r="F63" s="24"/>
      <c r="G63" s="83">
        <f>IF(C63+D63+E63+F63=在籍生徒数!C55,C63+D63+E63+F63,"要確認")</f>
        <v>0</v>
      </c>
      <c r="H63" s="69"/>
      <c r="I63" s="70"/>
    </row>
    <row r="64" spans="2:15" ht="16.5" customHeight="1">
      <c r="B64" s="113">
        <f>在籍生徒数!B11</f>
        <v>5</v>
      </c>
      <c r="C64" s="22"/>
      <c r="D64" s="23"/>
      <c r="E64" s="23"/>
      <c r="F64" s="24"/>
      <c r="G64" s="83">
        <f>IF(C64+D64+E64+F64=在籍生徒数!C56,C64+D64+E64+F64,"要確認")</f>
        <v>0</v>
      </c>
      <c r="H64" s="69"/>
      <c r="I64" s="70"/>
    </row>
    <row r="65" spans="2:9" ht="16.5" customHeight="1">
      <c r="B65" s="113">
        <f>在籍生徒数!B12</f>
        <v>6</v>
      </c>
      <c r="C65" s="22"/>
      <c r="D65" s="23"/>
      <c r="E65" s="23"/>
      <c r="F65" s="24"/>
      <c r="G65" s="83">
        <f>IF(C65+D65+E65+F65=在籍生徒数!C57,C65+D65+E65+F65,"要確認")</f>
        <v>0</v>
      </c>
      <c r="H65" s="69"/>
      <c r="I65" s="70"/>
    </row>
    <row r="66" spans="2:9" ht="16.5" customHeight="1">
      <c r="B66" s="113">
        <f>在籍生徒数!B13</f>
        <v>7</v>
      </c>
      <c r="C66" s="22"/>
      <c r="D66" s="23"/>
      <c r="E66" s="23"/>
      <c r="F66" s="24"/>
      <c r="G66" s="83">
        <f>IF(C66+D66+E66+F66=在籍生徒数!C58,C66+D66+E66+F66,"要確認")</f>
        <v>0</v>
      </c>
      <c r="H66" s="69"/>
      <c r="I66" s="70"/>
    </row>
    <row r="67" spans="2:9" ht="16.5" customHeight="1">
      <c r="B67" s="114">
        <f>在籍生徒数!B14</f>
        <v>8</v>
      </c>
      <c r="C67" s="25"/>
      <c r="D67" s="26"/>
      <c r="E67" s="26"/>
      <c r="F67" s="27"/>
      <c r="G67" s="115">
        <f>IF(C67+D67+E67+F67=在籍生徒数!C59,C67+D67+E67+F67,"要確認")</f>
        <v>0</v>
      </c>
      <c r="H67" s="69"/>
      <c r="I67" s="70"/>
    </row>
    <row r="68" spans="2:9" ht="7.8" customHeight="1">
      <c r="H68" s="69"/>
      <c r="I68" s="70"/>
    </row>
    <row r="69" spans="2:9" ht="16.5" customHeight="1">
      <c r="B69" s="100" t="s">
        <v>67</v>
      </c>
      <c r="C69" s="101"/>
      <c r="D69" s="101"/>
      <c r="E69" s="101"/>
      <c r="F69" s="101"/>
      <c r="G69" s="101"/>
      <c r="H69" s="69"/>
      <c r="I69" s="70"/>
    </row>
    <row r="70" spans="2:9" ht="16.5" customHeight="1">
      <c r="B70" s="102"/>
      <c r="C70" s="172" t="s">
        <v>12</v>
      </c>
      <c r="D70" s="174" t="s">
        <v>13</v>
      </c>
      <c r="E70" s="176" t="s">
        <v>9</v>
      </c>
      <c r="F70" s="178" t="s">
        <v>10</v>
      </c>
      <c r="G70" s="180" t="s">
        <v>11</v>
      </c>
      <c r="H70" s="69"/>
      <c r="I70" s="70"/>
    </row>
    <row r="71" spans="2:9" ht="16.5" customHeight="1">
      <c r="B71" s="102"/>
      <c r="C71" s="173"/>
      <c r="D71" s="175"/>
      <c r="E71" s="177"/>
      <c r="F71" s="179"/>
      <c r="G71" s="180"/>
      <c r="H71" s="69"/>
      <c r="I71" s="70"/>
    </row>
    <row r="72" spans="2:9" ht="16.5" customHeight="1" thickBot="1">
      <c r="B72" s="103" t="s">
        <v>14</v>
      </c>
      <c r="C72" s="104">
        <f>SUM(C73:C81)</f>
        <v>0</v>
      </c>
      <c r="D72" s="105">
        <f>SUM(D73:D81)</f>
        <v>0</v>
      </c>
      <c r="E72" s="106">
        <f>SUM(E73:E81)</f>
        <v>0</v>
      </c>
      <c r="F72" s="107">
        <f>SUM(F73:F81)</f>
        <v>0</v>
      </c>
      <c r="G72" s="108">
        <f>SUM(G73:G81)</f>
        <v>0</v>
      </c>
      <c r="H72" s="69"/>
      <c r="I72" s="70"/>
    </row>
    <row r="73" spans="2:9" ht="16.5" customHeight="1" thickTop="1">
      <c r="B73" s="109" t="s">
        <v>8</v>
      </c>
      <c r="C73" s="16"/>
      <c r="D73" s="17"/>
      <c r="E73" s="17"/>
      <c r="F73" s="18"/>
      <c r="G73" s="111">
        <f>IF(C73+D73+E73+F73=在籍生徒数!D51,C73+D73+E73+F73,"要確認")</f>
        <v>0</v>
      </c>
      <c r="H73" s="69"/>
      <c r="I73" s="70"/>
    </row>
    <row r="74" spans="2:9" ht="16.5" customHeight="1">
      <c r="B74" s="112">
        <f>在籍生徒数!B7</f>
        <v>1</v>
      </c>
      <c r="C74" s="19"/>
      <c r="D74" s="20"/>
      <c r="E74" s="20"/>
      <c r="F74" s="21"/>
      <c r="G74" s="78">
        <f>IF(C74+D74+E74+F74=在籍生徒数!D52,C74+D74+E74+F74,"要確認")</f>
        <v>0</v>
      </c>
      <c r="H74" s="69"/>
      <c r="I74" s="70"/>
    </row>
    <row r="75" spans="2:9" ht="16.5" customHeight="1">
      <c r="B75" s="113">
        <f>在籍生徒数!B8</f>
        <v>2</v>
      </c>
      <c r="C75" s="22"/>
      <c r="D75" s="23"/>
      <c r="E75" s="23"/>
      <c r="F75" s="24"/>
      <c r="G75" s="83">
        <f>IF(C75+D75+E75+F75=在籍生徒数!D53,C75+D75+E75+F75,"要確認")</f>
        <v>0</v>
      </c>
      <c r="H75" s="69"/>
      <c r="I75" s="70"/>
    </row>
    <row r="76" spans="2:9" ht="16.5" customHeight="1">
      <c r="B76" s="113">
        <f>在籍生徒数!B9</f>
        <v>3</v>
      </c>
      <c r="C76" s="22"/>
      <c r="D76" s="23"/>
      <c r="E76" s="23"/>
      <c r="F76" s="24"/>
      <c r="G76" s="83">
        <f>IF(C76+D76+E76+F76=在籍生徒数!D54,C76+D76+E76+F76,"要確認")</f>
        <v>0</v>
      </c>
      <c r="H76" s="69"/>
      <c r="I76" s="70"/>
    </row>
    <row r="77" spans="2:9" ht="16.5" customHeight="1">
      <c r="B77" s="113">
        <f>在籍生徒数!B10</f>
        <v>4</v>
      </c>
      <c r="C77" s="22"/>
      <c r="D77" s="23"/>
      <c r="E77" s="23"/>
      <c r="F77" s="24"/>
      <c r="G77" s="83">
        <f>IF(C77+D77+E77+F77=在籍生徒数!D55,C77+D77+E77+F77,"要確認")</f>
        <v>0</v>
      </c>
      <c r="H77" s="69"/>
      <c r="I77" s="70"/>
    </row>
    <row r="78" spans="2:9" ht="16.5" customHeight="1">
      <c r="B78" s="113">
        <f>在籍生徒数!B11</f>
        <v>5</v>
      </c>
      <c r="C78" s="22"/>
      <c r="D78" s="23"/>
      <c r="E78" s="23"/>
      <c r="F78" s="24"/>
      <c r="G78" s="83">
        <f>IF(C78+D78+E78+F78=在籍生徒数!D56,C78+D78+E78+F78,"要確認")</f>
        <v>0</v>
      </c>
      <c r="H78" s="69"/>
      <c r="I78" s="70"/>
    </row>
    <row r="79" spans="2:9" ht="16.5" customHeight="1">
      <c r="B79" s="113">
        <f>在籍生徒数!B12</f>
        <v>6</v>
      </c>
      <c r="C79" s="22"/>
      <c r="D79" s="23"/>
      <c r="E79" s="23"/>
      <c r="F79" s="24"/>
      <c r="G79" s="83">
        <f>IF(C79+D79+E79+F79=在籍生徒数!D57,C79+D79+E79+F79,"要確認")</f>
        <v>0</v>
      </c>
      <c r="H79" s="69"/>
      <c r="I79" s="70"/>
    </row>
    <row r="80" spans="2:9" ht="16.5" customHeight="1">
      <c r="B80" s="113">
        <f>在籍生徒数!B13</f>
        <v>7</v>
      </c>
      <c r="C80" s="22"/>
      <c r="D80" s="23"/>
      <c r="E80" s="23"/>
      <c r="F80" s="24"/>
      <c r="G80" s="83">
        <f>IF(C80+D80+E80+F80=在籍生徒数!D58,C80+D80+E80+F80,"要確認")</f>
        <v>0</v>
      </c>
      <c r="H80" s="69"/>
      <c r="I80" s="70"/>
    </row>
    <row r="81" spans="2:9" ht="16.5" customHeight="1">
      <c r="B81" s="114">
        <f>在籍生徒数!B14</f>
        <v>8</v>
      </c>
      <c r="C81" s="25"/>
      <c r="D81" s="26"/>
      <c r="E81" s="26"/>
      <c r="F81" s="27"/>
      <c r="G81" s="115">
        <f>IF(C81+D81+E81+F81=在籍生徒数!D59,C81+D81+E81+F81,"要確認")</f>
        <v>0</v>
      </c>
      <c r="H81" s="69"/>
      <c r="I81" s="70"/>
    </row>
    <row r="82" spans="2:9" ht="6.6" customHeight="1">
      <c r="H82" s="69"/>
      <c r="I82" s="70"/>
    </row>
    <row r="83" spans="2:9" ht="16.5" customHeight="1">
      <c r="B83" s="100" t="s">
        <v>68</v>
      </c>
      <c r="C83" s="101"/>
      <c r="D83" s="101"/>
      <c r="E83" s="101"/>
      <c r="F83" s="101"/>
      <c r="G83" s="101"/>
      <c r="H83" s="69"/>
      <c r="I83" s="70"/>
    </row>
    <row r="84" spans="2:9" ht="16.5" customHeight="1">
      <c r="B84" s="102"/>
      <c r="C84" s="172" t="s">
        <v>12</v>
      </c>
      <c r="D84" s="174" t="s">
        <v>13</v>
      </c>
      <c r="E84" s="176" t="s">
        <v>9</v>
      </c>
      <c r="F84" s="178" t="s">
        <v>10</v>
      </c>
      <c r="G84" s="180" t="s">
        <v>11</v>
      </c>
      <c r="H84" s="69"/>
      <c r="I84" s="70"/>
    </row>
    <row r="85" spans="2:9" ht="16.5" customHeight="1">
      <c r="B85" s="102"/>
      <c r="C85" s="173"/>
      <c r="D85" s="175"/>
      <c r="E85" s="177"/>
      <c r="F85" s="179"/>
      <c r="G85" s="180"/>
      <c r="H85" s="69"/>
      <c r="I85" s="70"/>
    </row>
    <row r="86" spans="2:9" ht="16.5" customHeight="1" thickBot="1">
      <c r="B86" s="103" t="s">
        <v>14</v>
      </c>
      <c r="C86" s="104">
        <f>SUM(C87:C95)</f>
        <v>0</v>
      </c>
      <c r="D86" s="105">
        <f>SUM(D87:D95)</f>
        <v>0</v>
      </c>
      <c r="E86" s="106">
        <f>SUM(E87:E95)</f>
        <v>0</v>
      </c>
      <c r="F86" s="107">
        <f>SUM(F87:F95)</f>
        <v>0</v>
      </c>
      <c r="G86" s="108">
        <f>SUM(G87:G95)</f>
        <v>0</v>
      </c>
      <c r="H86" s="69"/>
      <c r="I86" s="70"/>
    </row>
    <row r="87" spans="2:9" ht="16.5" customHeight="1" thickTop="1">
      <c r="B87" s="109" t="s">
        <v>8</v>
      </c>
      <c r="C87" s="16"/>
      <c r="D87" s="17"/>
      <c r="E87" s="17"/>
      <c r="F87" s="18"/>
      <c r="G87" s="111">
        <f>IF(C87+D87+E87+F87=在籍生徒数!E51,C87+D87+E87+F87,"要確認")</f>
        <v>0</v>
      </c>
      <c r="H87" s="69"/>
      <c r="I87" s="70"/>
    </row>
    <row r="88" spans="2:9" ht="16.5" customHeight="1">
      <c r="B88" s="112">
        <f>在籍生徒数!B7</f>
        <v>1</v>
      </c>
      <c r="C88" s="19"/>
      <c r="D88" s="20"/>
      <c r="E88" s="20"/>
      <c r="F88" s="21"/>
      <c r="G88" s="78">
        <f>IF(C88+D88+E88+F88=在籍生徒数!E52,C88+D88+E88+F88,"要確認")</f>
        <v>0</v>
      </c>
      <c r="H88" s="69"/>
      <c r="I88" s="70"/>
    </row>
    <row r="89" spans="2:9" ht="16.5" customHeight="1">
      <c r="B89" s="113">
        <f>在籍生徒数!B8</f>
        <v>2</v>
      </c>
      <c r="C89" s="22"/>
      <c r="D89" s="23"/>
      <c r="E89" s="23"/>
      <c r="F89" s="24"/>
      <c r="G89" s="83">
        <f>IF(C89+D89+E89+F89=在籍生徒数!E53,C89+D89+E89+F89,"要確認")</f>
        <v>0</v>
      </c>
      <c r="H89" s="69"/>
      <c r="I89" s="70"/>
    </row>
    <row r="90" spans="2:9" ht="16.5" customHeight="1">
      <c r="B90" s="113">
        <f>在籍生徒数!B9</f>
        <v>3</v>
      </c>
      <c r="C90" s="22"/>
      <c r="D90" s="23"/>
      <c r="E90" s="23"/>
      <c r="F90" s="24"/>
      <c r="G90" s="83">
        <f>IF(C90+D90+E90+F90=在籍生徒数!E54,C90+D90+E90+F90,"要確認")</f>
        <v>0</v>
      </c>
      <c r="H90" s="69"/>
      <c r="I90" s="70"/>
    </row>
    <row r="91" spans="2:9" ht="16.5" customHeight="1">
      <c r="B91" s="113">
        <f>在籍生徒数!B10</f>
        <v>4</v>
      </c>
      <c r="C91" s="22"/>
      <c r="D91" s="23"/>
      <c r="E91" s="23"/>
      <c r="F91" s="24"/>
      <c r="G91" s="83">
        <f>IF(C91+D91+E91+F91=在籍生徒数!E55,C91+D91+E91+F91,"要確認")</f>
        <v>0</v>
      </c>
      <c r="H91" s="69"/>
      <c r="I91" s="70"/>
    </row>
    <row r="92" spans="2:9" ht="16.5" customHeight="1">
      <c r="B92" s="113">
        <f>在籍生徒数!B11</f>
        <v>5</v>
      </c>
      <c r="C92" s="22"/>
      <c r="D92" s="23"/>
      <c r="E92" s="23"/>
      <c r="F92" s="24"/>
      <c r="G92" s="83">
        <f>IF(C92+D92+E92+F92=在籍生徒数!E56,C92+D92+E92+F92,"要確認")</f>
        <v>0</v>
      </c>
      <c r="H92" s="69"/>
      <c r="I92" s="70"/>
    </row>
    <row r="93" spans="2:9" ht="16.5" customHeight="1">
      <c r="B93" s="113">
        <f>在籍生徒数!B12</f>
        <v>6</v>
      </c>
      <c r="C93" s="22"/>
      <c r="D93" s="23"/>
      <c r="E93" s="23"/>
      <c r="F93" s="24"/>
      <c r="G93" s="83">
        <f>IF(C93+D93+E93+F93=在籍生徒数!E57,C93+D93+E93+F93,"要確認")</f>
        <v>0</v>
      </c>
      <c r="H93" s="69"/>
      <c r="I93" s="70"/>
    </row>
    <row r="94" spans="2:9" ht="16.5" customHeight="1">
      <c r="B94" s="113">
        <f>在籍生徒数!B13</f>
        <v>7</v>
      </c>
      <c r="C94" s="22"/>
      <c r="D94" s="23"/>
      <c r="E94" s="23"/>
      <c r="F94" s="24"/>
      <c r="G94" s="83">
        <f>IF(C94+D94+E94+F94=在籍生徒数!E58,C94+D94+E94+F94,"要確認")</f>
        <v>0</v>
      </c>
      <c r="H94" s="69"/>
      <c r="I94" s="70"/>
    </row>
    <row r="95" spans="2:9" ht="16.5" customHeight="1">
      <c r="B95" s="114">
        <f>在籍生徒数!B14</f>
        <v>8</v>
      </c>
      <c r="C95" s="25"/>
      <c r="D95" s="26"/>
      <c r="E95" s="26"/>
      <c r="F95" s="27"/>
      <c r="G95" s="115">
        <f>IF(C95+D95+E95+F95=在籍生徒数!E59,C95+D95+E95+F95,"要確認")</f>
        <v>0</v>
      </c>
      <c r="H95" s="69"/>
      <c r="I95" s="70"/>
    </row>
    <row r="96" spans="2:9" ht="16.5" customHeight="1">
      <c r="H96" s="69"/>
      <c r="I96" s="70"/>
    </row>
    <row r="97" s="68" customFormat="1" ht="16.5" customHeight="1"/>
    <row r="98" s="68" customFormat="1" ht="16.5" customHeight="1"/>
    <row r="99" s="68" customFormat="1" ht="16.5" customHeight="1"/>
    <row r="100" s="68" customFormat="1" ht="16.5" customHeight="1"/>
    <row r="101" s="68" customFormat="1" ht="16.5" customHeight="1"/>
    <row r="102" s="68" customFormat="1" ht="16.5" customHeight="1"/>
    <row r="103" s="68" customFormat="1" ht="16.5" customHeight="1"/>
    <row r="104" s="68" customFormat="1" ht="16.5" customHeight="1"/>
    <row r="105" s="68" customFormat="1" ht="16.5" customHeight="1"/>
    <row r="106" s="68" customFormat="1" ht="16.5" customHeight="1"/>
    <row r="107" s="68" customFormat="1" ht="16.5" customHeight="1"/>
    <row r="108" s="68" customFormat="1" ht="16.5" customHeight="1"/>
    <row r="109" s="68" customFormat="1" ht="16.5" customHeight="1"/>
    <row r="110" s="68" customFormat="1" ht="16.5" customHeight="1"/>
    <row r="111" s="68" customFormat="1" ht="16.5" customHeight="1"/>
    <row r="112" s="68" customFormat="1" ht="16.5" customHeight="1"/>
    <row r="113" spans="2:10" ht="16.5" customHeight="1">
      <c r="B113" s="68"/>
    </row>
    <row r="114" spans="2:10" ht="16.5" customHeight="1">
      <c r="B114" s="68"/>
    </row>
    <row r="115" spans="2:10" ht="16.5" customHeight="1">
      <c r="B115" s="68"/>
    </row>
    <row r="116" spans="2:10" ht="16.5" customHeight="1">
      <c r="B116" s="68"/>
    </row>
    <row r="117" spans="2:10" ht="16.5" customHeight="1">
      <c r="B117" s="68"/>
    </row>
    <row r="118" spans="2:10" ht="16.5" customHeight="1">
      <c r="B118" s="68"/>
    </row>
    <row r="119" spans="2:10" ht="16.5" customHeight="1">
      <c r="B119" s="68"/>
    </row>
    <row r="120" spans="2:10" ht="16.5" customHeight="1">
      <c r="B120" s="68"/>
      <c r="J120" s="42" t="str">
        <f>CONCATENATE(報告書表紙!$I$8,"　",報告書表紙!$I$7)</f>
        <v>　</v>
      </c>
    </row>
    <row r="121" spans="2:10" ht="16.5" customHeight="1">
      <c r="B121" s="68"/>
    </row>
    <row r="122" spans="2:10" ht="16.5" customHeight="1">
      <c r="B122" s="68"/>
    </row>
    <row r="123" spans="2:10" ht="16.5" customHeight="1">
      <c r="B123" s="68"/>
    </row>
    <row r="124" spans="2:10" ht="16.5" customHeight="1">
      <c r="B124" s="68"/>
    </row>
    <row r="125" spans="2:10" ht="16.5" customHeight="1">
      <c r="B125" s="68"/>
    </row>
    <row r="126" spans="2:10" ht="16.5" customHeight="1">
      <c r="B126" s="68"/>
    </row>
    <row r="127" spans="2:10" ht="16.5" customHeight="1">
      <c r="B127" s="68"/>
    </row>
    <row r="128" spans="2:10" ht="16.5" customHeight="1">
      <c r="B128" s="68"/>
    </row>
    <row r="129" s="68" customFormat="1" ht="16.5" customHeight="1"/>
  </sheetData>
  <sheetProtection algorithmName="SHA-512" hashValue="tWjh4CWsj/pU0XY78PWgpm0Bs+S4g3ESuYOV96DIhBBUrGA+QBrnOU8u1KVb73t7uTEacnuNhu4BEQRUXGgvYg==" saltValue="gSrIGIzOzcwchnAzvskD5g==" spinCount="100000" sheet="1" formatColumns="0" formatRows="0" selectLockedCells="1"/>
  <mergeCells count="50">
    <mergeCell ref="O42:O43"/>
    <mergeCell ref="K28:K29"/>
    <mergeCell ref="L28:L29"/>
    <mergeCell ref="G3:G4"/>
    <mergeCell ref="G14:G15"/>
    <mergeCell ref="G42:G43"/>
    <mergeCell ref="O14:O15"/>
    <mergeCell ref="O28:O29"/>
    <mergeCell ref="K42:K43"/>
    <mergeCell ref="L42:L43"/>
    <mergeCell ref="M42:M43"/>
    <mergeCell ref="N42:N43"/>
    <mergeCell ref="M28:M29"/>
    <mergeCell ref="N28:N29"/>
    <mergeCell ref="K14:K15"/>
    <mergeCell ref="L14:L15"/>
    <mergeCell ref="M14:M15"/>
    <mergeCell ref="N14:N15"/>
    <mergeCell ref="C42:C43"/>
    <mergeCell ref="D42:D43"/>
    <mergeCell ref="G28:G29"/>
    <mergeCell ref="E42:E43"/>
    <mergeCell ref="C14:C15"/>
    <mergeCell ref="C28:C29"/>
    <mergeCell ref="D28:D29"/>
    <mergeCell ref="E28:E29"/>
    <mergeCell ref="F28:F29"/>
    <mergeCell ref="F42:F43"/>
    <mergeCell ref="E14:E15"/>
    <mergeCell ref="C3:C4"/>
    <mergeCell ref="D3:D4"/>
    <mergeCell ref="E3:E4"/>
    <mergeCell ref="F3:F4"/>
    <mergeCell ref="F14:F15"/>
    <mergeCell ref="D14:D15"/>
    <mergeCell ref="C56:C57"/>
    <mergeCell ref="D56:D57"/>
    <mergeCell ref="E56:E57"/>
    <mergeCell ref="F56:F57"/>
    <mergeCell ref="G56:G57"/>
    <mergeCell ref="C70:C71"/>
    <mergeCell ref="D70:D71"/>
    <mergeCell ref="E70:E71"/>
    <mergeCell ref="F70:F71"/>
    <mergeCell ref="G70:G71"/>
    <mergeCell ref="C84:C85"/>
    <mergeCell ref="D84:D85"/>
    <mergeCell ref="E84:E85"/>
    <mergeCell ref="F84:F85"/>
    <mergeCell ref="G84:G85"/>
  </mergeCells>
  <phoneticPr fontId="3"/>
  <pageMargins left="0.78740157480314965" right="0.39370078740157483" top="0.59055118110236227" bottom="0.19685039370078741" header="0.31496062992125984" footer="0.51181102362204722"/>
  <pageSetup paperSize="9" scale="98" orientation="portrait" r:id="rId1"/>
  <headerFooter alignWithMargins="0">
    <oddHeader>&amp;C&amp;"ＭＳ ゴシック,標準"&amp;12私立学校現況調査票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A2A5B7-1542-4A95-B2B5-4901B4FB0287}">
  <dimension ref="B1:I6"/>
  <sheetViews>
    <sheetView showGridLines="0" showZeros="0" workbookViewId="0">
      <selection activeCell="E4" sqref="E4"/>
    </sheetView>
  </sheetViews>
  <sheetFormatPr defaultColWidth="10.6640625" defaultRowHeight="17.100000000000001" customHeight="1"/>
  <cols>
    <col min="1" max="1" width="9" style="121" customWidth="1"/>
    <col min="2" max="2" width="10" style="121" customWidth="1"/>
    <col min="3" max="7" width="9.109375" style="121" customWidth="1"/>
    <col min="8" max="8" width="14.6640625" style="121" customWidth="1"/>
    <col min="9" max="9" width="12.109375" style="121" customWidth="1"/>
    <col min="10" max="16384" width="10.6640625" style="121"/>
  </cols>
  <sheetData>
    <row r="1" spans="2:9" ht="17.100000000000001" customHeight="1">
      <c r="B1" s="120" t="s">
        <v>52</v>
      </c>
      <c r="I1" s="42" t="str">
        <f>CONCATENATE(報告書表紙!$A$29,"　",報告書表紙!$I$8,"　",報告書表紙!$I$7)</f>
        <v>R8　　</v>
      </c>
    </row>
    <row r="2" spans="2:9" ht="17.399999999999999" customHeight="1">
      <c r="F2" s="44" t="s">
        <v>74</v>
      </c>
    </row>
    <row r="3" spans="2:9" ht="24.9" customHeight="1">
      <c r="B3" s="122" t="s">
        <v>23</v>
      </c>
      <c r="C3" s="123" t="s">
        <v>19</v>
      </c>
      <c r="D3" s="124" t="s">
        <v>50</v>
      </c>
      <c r="E3" s="125" t="s">
        <v>20</v>
      </c>
      <c r="F3" s="125" t="s">
        <v>21</v>
      </c>
      <c r="G3" s="126" t="s">
        <v>22</v>
      </c>
      <c r="H3" s="127" t="s">
        <v>24</v>
      </c>
    </row>
    <row r="4" spans="2:9" ht="17.100000000000001" customHeight="1">
      <c r="B4" s="128" t="s">
        <v>16</v>
      </c>
      <c r="C4" s="37"/>
      <c r="D4" s="26"/>
      <c r="E4" s="26"/>
      <c r="F4" s="26"/>
      <c r="G4" s="27"/>
      <c r="H4" s="28"/>
    </row>
    <row r="5" spans="2:9" ht="17.100000000000001" customHeight="1" thickBot="1">
      <c r="B5" s="129" t="s">
        <v>17</v>
      </c>
      <c r="C5" s="38"/>
      <c r="D5" s="132"/>
      <c r="E5" s="132"/>
      <c r="F5" s="132"/>
      <c r="G5" s="133"/>
      <c r="H5" s="29"/>
    </row>
    <row r="6" spans="2:9" ht="17.100000000000001" customHeight="1" thickTop="1">
      <c r="B6" s="130" t="s">
        <v>18</v>
      </c>
      <c r="C6" s="131"/>
      <c r="D6" s="96">
        <f>D4+D5</f>
        <v>0</v>
      </c>
      <c r="E6" s="96">
        <f>E4+E5</f>
        <v>0</v>
      </c>
      <c r="F6" s="96">
        <f>F4+F5</f>
        <v>0</v>
      </c>
      <c r="G6" s="97">
        <f>G4+G5</f>
        <v>0</v>
      </c>
      <c r="H6" s="30"/>
    </row>
  </sheetData>
  <sheetProtection algorithmName="SHA-512" hashValue="EADWmzpIkPKCzs9k0aKXR4JuDdnzrVhLrlac4+KHFQckxeiGv8b91zzcqEGDKLYamqgaSVH9jpqKl48SpGn78Q==" saltValue="0vIm/lOl6vhDgcv5cGIsgA==" spinCount="100000" sheet="1" formatColumns="0" formatRows="0" selectLockedCells="1"/>
  <phoneticPr fontId="3"/>
  <pageMargins left="0.78740157480314965" right="0.78740157480314965" top="0.59055118110236227" bottom="0.78740157480314965" header="0.31496062992125984" footer="0.51181102362204722"/>
  <pageSetup paperSize="9" orientation="portrait" r:id="rId1"/>
  <headerFooter alignWithMargins="0">
    <oddHeader>&amp;C&amp;"ＭＳ ゴシック,標準"&amp;12私立学校現況調査票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報告書表紙</vt:lpstr>
      <vt:lpstr>在籍生徒数</vt:lpstr>
      <vt:lpstr>学費負担者居住地</vt:lpstr>
      <vt:lpstr>生徒の入学状況</vt:lpstr>
      <vt:lpstr>学費負担者居住地!Print_Area</vt:lpstr>
      <vt:lpstr>在籍生徒数!Print_Area</vt:lpstr>
      <vt:lpstr>生徒の入学状況!Print_Area</vt:lpstr>
      <vt:lpstr>報告書表紙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橋 明日美</dc:creator>
  <cp:lastModifiedBy>user</cp:lastModifiedBy>
  <cp:lastPrinted>2026-03-16T02:49:43Z</cp:lastPrinted>
  <dcterms:created xsi:type="dcterms:W3CDTF">1997-01-08T22:48:59Z</dcterms:created>
  <dcterms:modified xsi:type="dcterms:W3CDTF">2026-03-16T04:30:53Z</dcterms:modified>
</cp:coreProperties>
</file>